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83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7　財政担当\38_調査統計（財政）\38_01_地方財政状況調査（決算統計）\38_01_090_市町村税財政資料集\02 起案HP更新\02 公営分\"/>
    </mc:Choice>
  </mc:AlternateContent>
  <xr:revisionPtr revIDLastSave="0" documentId="13_ncr:1_{9CE9B4A8-686C-4335-998F-A02E96FF4E50}" xr6:coauthVersionLast="47" xr6:coauthVersionMax="47" xr10:uidLastSave="{00000000-0000-0000-0000-000000000000}"/>
  <bookViews>
    <workbookView xWindow="28690" yWindow="1570" windowWidth="29020" windowHeight="15700" tabRatio="920" xr2:uid="{00000000-000D-0000-FFFF-FFFF00000000}"/>
  </bookViews>
  <sheets>
    <sheet name="ア施設及び業務の概況" sheetId="4" r:id="rId1"/>
    <sheet name="イ損益計算書" sheetId="5" r:id="rId2"/>
    <sheet name="ウ貸借対照表" sheetId="7" r:id="rId3"/>
    <sheet name="エ資本的収支に関する調" sheetId="8" r:id="rId4"/>
    <sheet name="オ　水道料金" sheetId="44" r:id="rId5"/>
  </sheets>
  <externalReferences>
    <externalReference r:id="rId6"/>
  </externalReferences>
  <definedNames>
    <definedName name="aa">#REF!</definedName>
    <definedName name="data10" localSheetId="4">#REF!</definedName>
    <definedName name="data10">#REF!</definedName>
    <definedName name="data32" localSheetId="4">#REF!</definedName>
    <definedName name="data32">#REF!</definedName>
    <definedName name="data33" localSheetId="4">#REF!</definedName>
    <definedName name="data33">#REF!</definedName>
    <definedName name="data52" localSheetId="4">#REF!</definedName>
    <definedName name="data52">#REF!</definedName>
    <definedName name="date900">#REF!</definedName>
    <definedName name="ｆ">#REF!</definedName>
    <definedName name="item1001" localSheetId="4">#REF!</definedName>
    <definedName name="item1001">#REF!</definedName>
    <definedName name="item1002" localSheetId="4">#REF!</definedName>
    <definedName name="item1002">#REF!</definedName>
    <definedName name="item1003" localSheetId="4">#REF!</definedName>
    <definedName name="item1003">#REF!</definedName>
    <definedName name="item3201" localSheetId="4">#REF!</definedName>
    <definedName name="item3201">#REF!</definedName>
    <definedName name="item3202" localSheetId="4">#REF!</definedName>
    <definedName name="item3202">#REF!</definedName>
    <definedName name="item3203" localSheetId="4">#REF!</definedName>
    <definedName name="item3203">#REF!</definedName>
    <definedName name="item3204">#REF!</definedName>
    <definedName name="item3301" localSheetId="4">#REF!</definedName>
    <definedName name="item3301">#REF!</definedName>
    <definedName name="item3302" localSheetId="4">#REF!</definedName>
    <definedName name="item3302">#REF!</definedName>
    <definedName name="item3303" localSheetId="4">#REF!</definedName>
    <definedName name="item3303">#REF!</definedName>
    <definedName name="item5201" localSheetId="4">#REF!</definedName>
    <definedName name="item5201">#REF!</definedName>
    <definedName name="item5202" localSheetId="4">#REF!</definedName>
    <definedName name="item5202">#REF!</definedName>
    <definedName name="item5203" localSheetId="4">#REF!</definedName>
    <definedName name="item5203">#REF!</definedName>
    <definedName name="_xlnm.Print_Area" localSheetId="0">ア施設及び業務の概況!$A$1:$BH$53</definedName>
    <definedName name="_xlnm.Print_Area" localSheetId="1">イ損益計算書!$A$1:$BN$64</definedName>
    <definedName name="_xlnm.Print_Area" localSheetId="3">エ資本的収支に関する調!$A$1:$BN$56</definedName>
    <definedName name="_xlnm.Print_Titles" localSheetId="0">ア施設及び業務の概況!$A:$D</definedName>
    <definedName name="_xlnm.Print_Titles" localSheetId="1">イ損益計算書!$A:$J</definedName>
    <definedName name="_xlnm.Print_Titles" localSheetId="2">ウ貸借対照表!$A:$J</definedName>
    <definedName name="_xlnm.Print_Titles" localSheetId="3">エ資本的収支に関する調!$A:$J</definedName>
    <definedName name="_xlnm.Print_Titles" localSheetId="4">'オ　水道料金'!$A:$E</definedName>
    <definedName name="suidou04">#REF!</definedName>
    <definedName name="X01Y07_10" localSheetId="4">'[1]10(000)'!#REF!</definedName>
    <definedName name="X01Y07_10">'[1]10(000)'!#REF!</definedName>
    <definedName name="X01Y08_10" localSheetId="4">'[1]10(000)'!#REF!</definedName>
    <definedName name="X01Y08_10">'[1]10(000)'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83" uniqueCount="956">
  <si>
    <t>事業創設認可年月日</t>
  </si>
  <si>
    <t>供用開始年月日</t>
  </si>
  <si>
    <t>法適用年月日</t>
  </si>
  <si>
    <t>管理者設置の有無</t>
  </si>
  <si>
    <t>行政区域内人口(人)</t>
  </si>
  <si>
    <t>計画給水人口(人)</t>
  </si>
  <si>
    <t>現在給水人口(人)</t>
  </si>
  <si>
    <t>水利権(㎥/日)</t>
  </si>
  <si>
    <t>浄水場設置数</t>
  </si>
  <si>
    <t>配水池設置数</t>
  </si>
  <si>
    <t>配水能力(㎥/日)</t>
  </si>
  <si>
    <t>一日最大配水量(㎥/日)</t>
  </si>
  <si>
    <t>基本水量(㎥)</t>
  </si>
  <si>
    <t>基本料金(円)</t>
  </si>
  <si>
    <t>超過料金(円/㎥)</t>
  </si>
  <si>
    <t>10㎥当たり(13㎜)</t>
  </si>
  <si>
    <t>現行料金実施年月日</t>
  </si>
  <si>
    <t>損益勘定所属職員</t>
  </si>
  <si>
    <t>うち原水関係職員</t>
  </si>
  <si>
    <t>うち浄水関係職員</t>
  </si>
  <si>
    <t>うち配水関係職員</t>
  </si>
  <si>
    <t>うち検針職員</t>
  </si>
  <si>
    <t>うち集金職員</t>
  </si>
  <si>
    <t>資本勘定所属職員</t>
  </si>
  <si>
    <t>計</t>
  </si>
  <si>
    <t>施設</t>
    <rPh sb="0" eb="2">
      <t>シセツ</t>
    </rPh>
    <phoneticPr fontId="4"/>
  </si>
  <si>
    <t>その他</t>
    <rPh sb="2" eb="3">
      <t>タ</t>
    </rPh>
    <phoneticPr fontId="4"/>
  </si>
  <si>
    <t>導水管延長(千m)</t>
    <rPh sb="6" eb="7">
      <t>セン</t>
    </rPh>
    <phoneticPr fontId="6"/>
  </si>
  <si>
    <t>送水管延長(千m)</t>
    <rPh sb="6" eb="7">
      <t>セン</t>
    </rPh>
    <phoneticPr fontId="6"/>
  </si>
  <si>
    <t>配水管延長(千m)</t>
    <rPh sb="6" eb="7">
      <t>セン</t>
    </rPh>
    <phoneticPr fontId="6"/>
  </si>
  <si>
    <t>業務</t>
    <rPh sb="0" eb="2">
      <t>ギョウム</t>
    </rPh>
    <phoneticPr fontId="4"/>
  </si>
  <si>
    <t>年間総配水量(千㎥)</t>
    <rPh sb="6" eb="7">
      <t>セン</t>
    </rPh>
    <phoneticPr fontId="6"/>
  </si>
  <si>
    <t>年間総有収水量(千㎥)</t>
    <rPh sb="7" eb="8">
      <t>セン</t>
    </rPh>
    <phoneticPr fontId="6"/>
  </si>
  <si>
    <t>料金</t>
    <rPh sb="0" eb="2">
      <t>リョウキン</t>
    </rPh>
    <phoneticPr fontId="4"/>
  </si>
  <si>
    <t>料金
体系</t>
    <phoneticPr fontId="4"/>
  </si>
  <si>
    <t>用途別</t>
    <rPh sb="0" eb="2">
      <t>ヨウト</t>
    </rPh>
    <rPh sb="2" eb="3">
      <t>ベツ</t>
    </rPh>
    <phoneticPr fontId="4"/>
  </si>
  <si>
    <t>口径別</t>
    <rPh sb="0" eb="2">
      <t>コウケイ</t>
    </rPh>
    <rPh sb="2" eb="3">
      <t>ベツ</t>
    </rPh>
    <phoneticPr fontId="4"/>
  </si>
  <si>
    <t>家庭
料金</t>
    <rPh sb="0" eb="2">
      <t>カテイ</t>
    </rPh>
    <rPh sb="3" eb="5">
      <t>リョウキン</t>
    </rPh>
    <phoneticPr fontId="4"/>
  </si>
  <si>
    <t>職員数(人)</t>
    <rPh sb="0" eb="3">
      <t>ショクインスウ</t>
    </rPh>
    <rPh sb="4" eb="5">
      <t>ヒト</t>
    </rPh>
    <phoneticPr fontId="4"/>
  </si>
  <si>
    <t>加入金徴収総額(千円)</t>
    <rPh sb="0" eb="2">
      <t>カニュウ</t>
    </rPh>
    <rPh sb="2" eb="3">
      <t>キン</t>
    </rPh>
    <rPh sb="3" eb="5">
      <t>チョウシュウ</t>
    </rPh>
    <rPh sb="5" eb="7">
      <t>ソウガク</t>
    </rPh>
    <rPh sb="8" eb="10">
      <t>センエン</t>
    </rPh>
    <phoneticPr fontId="4"/>
  </si>
  <si>
    <t/>
  </si>
  <si>
    <t>さいたま市</t>
    <phoneticPr fontId="4"/>
  </si>
  <si>
    <t>川越市</t>
    <phoneticPr fontId="4"/>
  </si>
  <si>
    <t>熊谷市</t>
    <phoneticPr fontId="4"/>
  </si>
  <si>
    <t>川口市</t>
    <phoneticPr fontId="4"/>
  </si>
  <si>
    <t>行田市</t>
    <phoneticPr fontId="4"/>
  </si>
  <si>
    <t>所沢市</t>
    <phoneticPr fontId="4"/>
  </si>
  <si>
    <t>飯能市</t>
    <phoneticPr fontId="4"/>
  </si>
  <si>
    <t>加須市</t>
    <phoneticPr fontId="4"/>
  </si>
  <si>
    <t>本庄市</t>
    <phoneticPr fontId="4"/>
  </si>
  <si>
    <t>東松山市</t>
    <phoneticPr fontId="4"/>
  </si>
  <si>
    <t>春日部市</t>
    <phoneticPr fontId="4"/>
  </si>
  <si>
    <t>狭山市</t>
    <phoneticPr fontId="4"/>
  </si>
  <si>
    <t>羽生市</t>
    <phoneticPr fontId="4"/>
  </si>
  <si>
    <t>鴻巣市</t>
    <phoneticPr fontId="4"/>
  </si>
  <si>
    <t>深谷市</t>
    <phoneticPr fontId="4"/>
  </si>
  <si>
    <t>上尾市</t>
    <phoneticPr fontId="4"/>
  </si>
  <si>
    <t>草加市</t>
    <phoneticPr fontId="4"/>
  </si>
  <si>
    <t>蕨市</t>
    <phoneticPr fontId="4"/>
  </si>
  <si>
    <t>戸田市</t>
    <phoneticPr fontId="4"/>
  </si>
  <si>
    <t>入間市</t>
    <phoneticPr fontId="4"/>
  </si>
  <si>
    <t>朝霞市</t>
    <phoneticPr fontId="4"/>
  </si>
  <si>
    <t>志木市</t>
    <phoneticPr fontId="4"/>
  </si>
  <si>
    <t>和光市</t>
    <phoneticPr fontId="4"/>
  </si>
  <si>
    <t>新座市</t>
    <phoneticPr fontId="4"/>
  </si>
  <si>
    <t>久喜市</t>
    <phoneticPr fontId="4"/>
  </si>
  <si>
    <t>八潮市</t>
    <phoneticPr fontId="4"/>
  </si>
  <si>
    <t>富士見市</t>
    <phoneticPr fontId="4"/>
  </si>
  <si>
    <t>三郷市</t>
    <phoneticPr fontId="4"/>
  </si>
  <si>
    <t>蓮田市</t>
    <phoneticPr fontId="4"/>
  </si>
  <si>
    <t>幸手市</t>
    <phoneticPr fontId="4"/>
  </si>
  <si>
    <t>日高市</t>
    <phoneticPr fontId="4"/>
  </si>
  <si>
    <t>吉川市</t>
    <phoneticPr fontId="4"/>
  </si>
  <si>
    <t>ふじみ野市</t>
    <phoneticPr fontId="4"/>
  </si>
  <si>
    <t>白岡市</t>
    <phoneticPr fontId="4"/>
  </si>
  <si>
    <t>伊奈町</t>
    <phoneticPr fontId="4"/>
  </si>
  <si>
    <t>三芳町</t>
    <phoneticPr fontId="4"/>
  </si>
  <si>
    <t>毛呂山町</t>
    <phoneticPr fontId="4"/>
  </si>
  <si>
    <t>越生町</t>
    <phoneticPr fontId="4"/>
  </si>
  <si>
    <t>滑川町</t>
    <phoneticPr fontId="4"/>
  </si>
  <si>
    <t>嵐山町</t>
    <phoneticPr fontId="4"/>
  </si>
  <si>
    <t>小川町</t>
    <phoneticPr fontId="4"/>
  </si>
  <si>
    <t>川島町</t>
    <phoneticPr fontId="4"/>
  </si>
  <si>
    <t>吉見町</t>
    <phoneticPr fontId="4"/>
  </si>
  <si>
    <t>鳩山町</t>
    <phoneticPr fontId="4"/>
  </si>
  <si>
    <t>ときがわ町</t>
    <phoneticPr fontId="4"/>
  </si>
  <si>
    <t>美里町</t>
    <phoneticPr fontId="4"/>
  </si>
  <si>
    <t>神川町</t>
    <phoneticPr fontId="4"/>
  </si>
  <si>
    <t>上里町</t>
    <phoneticPr fontId="4"/>
  </si>
  <si>
    <t>寄居町</t>
    <phoneticPr fontId="4"/>
  </si>
  <si>
    <t>宮代町</t>
    <phoneticPr fontId="4"/>
  </si>
  <si>
    <t>杉戸町</t>
    <phoneticPr fontId="4"/>
  </si>
  <si>
    <t>総収益　a</t>
  </si>
  <si>
    <t>営業収益　b</t>
  </si>
  <si>
    <t>給水収益</t>
  </si>
  <si>
    <t>受託工事収益</t>
  </si>
  <si>
    <t>その他営業収益</t>
  </si>
  <si>
    <t>他会計負担金</t>
  </si>
  <si>
    <t>その他</t>
  </si>
  <si>
    <t>営業外収益　c</t>
  </si>
  <si>
    <t>受取利息・配当金</t>
  </si>
  <si>
    <t>国庫補助金</t>
  </si>
  <si>
    <t>他会計補助金</t>
  </si>
  <si>
    <t>雑収益</t>
  </si>
  <si>
    <t>特別利益</t>
  </si>
  <si>
    <t>他会計繰入金</t>
  </si>
  <si>
    <t>固定資産売却益</t>
  </si>
  <si>
    <t>総費用　d</t>
  </si>
  <si>
    <t>営業費用　e</t>
  </si>
  <si>
    <t>原水・浄水費</t>
  </si>
  <si>
    <t>配水・給水費</t>
  </si>
  <si>
    <t>受託工事費</t>
  </si>
  <si>
    <t>業務費</t>
  </si>
  <si>
    <t>総係費</t>
  </si>
  <si>
    <t>減価償却費</t>
  </si>
  <si>
    <t>資産減耗費</t>
  </si>
  <si>
    <t>その他営業費用</t>
  </si>
  <si>
    <t>営業外費用　f</t>
  </si>
  <si>
    <t>支払利息</t>
  </si>
  <si>
    <t>企業債取扱諸費</t>
  </si>
  <si>
    <t>繰延勘定償却</t>
  </si>
  <si>
    <t>その他営業外費用</t>
  </si>
  <si>
    <t>特別損失</t>
  </si>
  <si>
    <t>職員給与費</t>
  </si>
  <si>
    <t>経常利益 (b+c)-(e+f)</t>
  </si>
  <si>
    <t>純利益　　 a-d</t>
  </si>
  <si>
    <t>前年度繰越利益剰余金</t>
  </si>
  <si>
    <t>当年度未処分利益剰余金</t>
  </si>
  <si>
    <t>収益的支出に充てた企業債</t>
  </si>
  <si>
    <t>収益的支出に充てた他会計借入金</t>
  </si>
  <si>
    <t>県補助金</t>
    <rPh sb="0" eb="1">
      <t>ケン</t>
    </rPh>
    <rPh sb="1" eb="4">
      <t>ホジョキン</t>
    </rPh>
    <phoneticPr fontId="7"/>
  </si>
  <si>
    <t>長期前受金戻入</t>
    <rPh sb="0" eb="2">
      <t>チョウキ</t>
    </rPh>
    <rPh sb="2" eb="5">
      <t>マエウケキン</t>
    </rPh>
    <rPh sb="5" eb="7">
      <t>レイニュウ</t>
    </rPh>
    <phoneticPr fontId="4"/>
  </si>
  <si>
    <t>資本費繰入収益</t>
    <rPh sb="0" eb="2">
      <t>シホン</t>
    </rPh>
    <rPh sb="2" eb="3">
      <t>ヒ</t>
    </rPh>
    <rPh sb="3" eb="5">
      <t>クリイレ</t>
    </rPh>
    <rPh sb="5" eb="7">
      <t>シュウエキ</t>
    </rPh>
    <phoneticPr fontId="4"/>
  </si>
  <si>
    <t>その他未処分利益剰余金変動額</t>
    <rPh sb="2" eb="3">
      <t>タ</t>
    </rPh>
    <rPh sb="3" eb="6">
      <t>ミショブン</t>
    </rPh>
    <rPh sb="6" eb="8">
      <t>リエキ</t>
    </rPh>
    <rPh sb="8" eb="11">
      <t>ジョウヨキン</t>
    </rPh>
    <rPh sb="11" eb="13">
      <t>ヘンドウ</t>
    </rPh>
    <rPh sb="13" eb="14">
      <t>ガク</t>
    </rPh>
    <phoneticPr fontId="4"/>
  </si>
  <si>
    <t>他会計繰入金合計</t>
    <rPh sb="0" eb="3">
      <t>タカイケイ</t>
    </rPh>
    <rPh sb="3" eb="6">
      <t>クリイレキン</t>
    </rPh>
    <rPh sb="6" eb="8">
      <t>ゴウケイ</t>
    </rPh>
    <phoneticPr fontId="8"/>
  </si>
  <si>
    <t>繰出基準に基づく繰入金</t>
    <rPh sb="0" eb="2">
      <t>クリダ</t>
    </rPh>
    <rPh sb="2" eb="4">
      <t>キジュン</t>
    </rPh>
    <rPh sb="5" eb="6">
      <t>モト</t>
    </rPh>
    <rPh sb="8" eb="11">
      <t>クリイレキン</t>
    </rPh>
    <phoneticPr fontId="8"/>
  </si>
  <si>
    <t>繰出基準以外の繰入金</t>
    <rPh sb="0" eb="2">
      <t>クリダ</t>
    </rPh>
    <rPh sb="2" eb="4">
      <t>キジュン</t>
    </rPh>
    <rPh sb="4" eb="6">
      <t>イガイ</t>
    </rPh>
    <rPh sb="7" eb="10">
      <t>クリイレキン</t>
    </rPh>
    <phoneticPr fontId="8"/>
  </si>
  <si>
    <t>繰出基準に係る上乗せ繰入</t>
    <rPh sb="0" eb="2">
      <t>クリダ</t>
    </rPh>
    <rPh sb="2" eb="4">
      <t>キジュン</t>
    </rPh>
    <rPh sb="5" eb="6">
      <t>カカ</t>
    </rPh>
    <rPh sb="7" eb="9">
      <t>ウワノ</t>
    </rPh>
    <rPh sb="10" eb="12">
      <t>クリイレ</t>
    </rPh>
    <phoneticPr fontId="8"/>
  </si>
  <si>
    <t>繰出基準事由以外の繰入</t>
    <rPh sb="0" eb="2">
      <t>クリダ</t>
    </rPh>
    <rPh sb="2" eb="4">
      <t>キジュン</t>
    </rPh>
    <rPh sb="4" eb="6">
      <t>ジユウ</t>
    </rPh>
    <rPh sb="6" eb="8">
      <t>イガイ</t>
    </rPh>
    <rPh sb="9" eb="11">
      <t>クリイレ</t>
    </rPh>
    <phoneticPr fontId="8"/>
  </si>
  <si>
    <t>業務活動によるキャッシュ・フロー</t>
    <rPh sb="0" eb="2">
      <t>ギョウム</t>
    </rPh>
    <rPh sb="2" eb="4">
      <t>カツドウ</t>
    </rPh>
    <phoneticPr fontId="4"/>
  </si>
  <si>
    <t>投資活動によるキャッシュ・フロー</t>
    <rPh sb="0" eb="2">
      <t>トウシ</t>
    </rPh>
    <rPh sb="2" eb="4">
      <t>カツドウ</t>
    </rPh>
    <phoneticPr fontId="4"/>
  </si>
  <si>
    <t>財務活動によるキャッシュ・フロー</t>
    <rPh sb="0" eb="2">
      <t>ザイム</t>
    </rPh>
    <rPh sb="2" eb="4">
      <t>カツドウ</t>
    </rPh>
    <phoneticPr fontId="4"/>
  </si>
  <si>
    <t>資金に係る交換差額</t>
    <rPh sb="0" eb="2">
      <t>シキン</t>
    </rPh>
    <rPh sb="3" eb="4">
      <t>カカワ</t>
    </rPh>
    <rPh sb="5" eb="7">
      <t>コウカン</t>
    </rPh>
    <rPh sb="7" eb="9">
      <t>サガク</t>
    </rPh>
    <phoneticPr fontId="4"/>
  </si>
  <si>
    <t>資金の増加額（又は減少額）</t>
    <rPh sb="0" eb="2">
      <t>シキン</t>
    </rPh>
    <rPh sb="3" eb="5">
      <t>ゾウカ</t>
    </rPh>
    <rPh sb="5" eb="6">
      <t>ガク</t>
    </rPh>
    <rPh sb="7" eb="8">
      <t>マタ</t>
    </rPh>
    <rPh sb="9" eb="11">
      <t>ゲンショウ</t>
    </rPh>
    <rPh sb="11" eb="12">
      <t>ガク</t>
    </rPh>
    <phoneticPr fontId="4"/>
  </si>
  <si>
    <t>資金期首残高</t>
    <rPh sb="0" eb="2">
      <t>シキン</t>
    </rPh>
    <rPh sb="2" eb="4">
      <t>キシュ</t>
    </rPh>
    <rPh sb="4" eb="6">
      <t>ザンダカ</t>
    </rPh>
    <phoneticPr fontId="4"/>
  </si>
  <si>
    <t>資金期末残高</t>
    <rPh sb="0" eb="2">
      <t>シキン</t>
    </rPh>
    <rPh sb="2" eb="4">
      <t>キマツ</t>
    </rPh>
    <rPh sb="4" eb="6">
      <t>ザンダカ</t>
    </rPh>
    <phoneticPr fontId="4"/>
  </si>
  <si>
    <t>職員給与費</t>
    <rPh sb="0" eb="2">
      <t>ショクイン</t>
    </rPh>
    <rPh sb="2" eb="4">
      <t>キュウヨ</t>
    </rPh>
    <rPh sb="4" eb="5">
      <t>ヒ</t>
    </rPh>
    <phoneticPr fontId="4"/>
  </si>
  <si>
    <t>その他</t>
    <rPh sb="0" eb="3">
      <t>ソノタ</t>
    </rPh>
    <phoneticPr fontId="8"/>
  </si>
  <si>
    <t>固定資産</t>
  </si>
  <si>
    <t>有形固定資産</t>
  </si>
  <si>
    <t>土地</t>
  </si>
  <si>
    <t>償却資産</t>
  </si>
  <si>
    <t>建設仮勘定</t>
  </si>
  <si>
    <t>無形固定資産</t>
  </si>
  <si>
    <t>流動資産</t>
  </si>
  <si>
    <t>現金・預金</t>
  </si>
  <si>
    <t>貯蔵品</t>
  </si>
  <si>
    <t>短期有価証券</t>
  </si>
  <si>
    <t>固定負債</t>
  </si>
  <si>
    <t>再建債</t>
  </si>
  <si>
    <t>流動負債</t>
  </si>
  <si>
    <t>資本金</t>
  </si>
  <si>
    <t>固有資本金</t>
  </si>
  <si>
    <t>再評価組入資本金</t>
  </si>
  <si>
    <t>繰入資本金</t>
  </si>
  <si>
    <t>組入資本金</t>
  </si>
  <si>
    <t>剰余金</t>
  </si>
  <si>
    <t>資本剰余金</t>
  </si>
  <si>
    <t>県補助金</t>
  </si>
  <si>
    <t>工事負担金</t>
  </si>
  <si>
    <t>再評価積立金</t>
  </si>
  <si>
    <t>利益剰余金</t>
  </si>
  <si>
    <t>減債積立金</t>
  </si>
  <si>
    <t>利益積立金</t>
  </si>
  <si>
    <t>建設改良積立金</t>
  </si>
  <si>
    <t>その他積立金</t>
  </si>
  <si>
    <t>負債・資本合計</t>
  </si>
  <si>
    <t>不良債務</t>
  </si>
  <si>
    <t>実質資金不足額</t>
  </si>
  <si>
    <t>経常利益</t>
  </si>
  <si>
    <t>資産</t>
    <rPh sb="0" eb="2">
      <t>シサン</t>
    </rPh>
    <phoneticPr fontId="4"/>
  </si>
  <si>
    <t>うちリース資産</t>
    <rPh sb="5" eb="7">
      <t>シサン</t>
    </rPh>
    <phoneticPr fontId="4"/>
  </si>
  <si>
    <t>投資その他の資産</t>
    <rPh sb="4" eb="5">
      <t>タ</t>
    </rPh>
    <rPh sb="6" eb="8">
      <t>シサン</t>
    </rPh>
    <phoneticPr fontId="4"/>
  </si>
  <si>
    <t>繰延資産</t>
    <rPh sb="0" eb="2">
      <t>クリノベ</t>
    </rPh>
    <rPh sb="2" eb="4">
      <t>シサン</t>
    </rPh>
    <phoneticPr fontId="4"/>
  </si>
  <si>
    <t>負債</t>
    <phoneticPr fontId="4"/>
  </si>
  <si>
    <t>建設改良等の財源に充てるための企業債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キギョウ</t>
    </rPh>
    <rPh sb="17" eb="18">
      <t>サイ</t>
    </rPh>
    <phoneticPr fontId="4"/>
  </si>
  <si>
    <t>その他の企業債</t>
    <rPh sb="2" eb="3">
      <t>タ</t>
    </rPh>
    <rPh sb="4" eb="6">
      <t>キギョウ</t>
    </rPh>
    <rPh sb="6" eb="7">
      <t>サイ</t>
    </rPh>
    <phoneticPr fontId="4"/>
  </si>
  <si>
    <t>建設改良等の財源に充てるための長期借入金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チョウキ</t>
    </rPh>
    <rPh sb="17" eb="19">
      <t>カリイレ</t>
    </rPh>
    <rPh sb="19" eb="20">
      <t>キン</t>
    </rPh>
    <phoneticPr fontId="4"/>
  </si>
  <si>
    <t>その他の長期借入金</t>
    <rPh sb="2" eb="3">
      <t>タ</t>
    </rPh>
    <rPh sb="4" eb="6">
      <t>チョウキ</t>
    </rPh>
    <rPh sb="6" eb="8">
      <t>カリイレ</t>
    </rPh>
    <rPh sb="8" eb="9">
      <t>キン</t>
    </rPh>
    <phoneticPr fontId="4"/>
  </si>
  <si>
    <t>引当金</t>
    <phoneticPr fontId="4"/>
  </si>
  <si>
    <t>リース債務</t>
    <phoneticPr fontId="4"/>
  </si>
  <si>
    <t>その他</t>
    <phoneticPr fontId="4"/>
  </si>
  <si>
    <t>リース債務</t>
    <rPh sb="3" eb="5">
      <t>サイム</t>
    </rPh>
    <phoneticPr fontId="4"/>
  </si>
  <si>
    <t>一時借入金</t>
    <rPh sb="0" eb="2">
      <t>イチジ</t>
    </rPh>
    <rPh sb="2" eb="4">
      <t>カリイレ</t>
    </rPh>
    <rPh sb="4" eb="5">
      <t>キン</t>
    </rPh>
    <phoneticPr fontId="4"/>
  </si>
  <si>
    <t>繰延収益</t>
    <rPh sb="0" eb="2">
      <t>クリノベ</t>
    </rPh>
    <rPh sb="2" eb="4">
      <t>シュウエキ</t>
    </rPh>
    <phoneticPr fontId="4"/>
  </si>
  <si>
    <t>資本</t>
    <rPh sb="0" eb="2">
      <t>シホン</t>
    </rPh>
    <phoneticPr fontId="4"/>
  </si>
  <si>
    <t>剰余金等</t>
    <rPh sb="0" eb="4">
      <t>ジョウヨキントウ</t>
    </rPh>
    <phoneticPr fontId="4"/>
  </si>
  <si>
    <t>うち</t>
    <phoneticPr fontId="4"/>
  </si>
  <si>
    <t>当年度純利益</t>
    <phoneticPr fontId="4"/>
  </si>
  <si>
    <t>資本的収入</t>
    <rPh sb="0" eb="3">
      <t>シホンテキ</t>
    </rPh>
    <rPh sb="3" eb="5">
      <t>シュウニュウ</t>
    </rPh>
    <phoneticPr fontId="4"/>
  </si>
  <si>
    <t>企業債</t>
    <rPh sb="0" eb="2">
      <t>キギョウ</t>
    </rPh>
    <rPh sb="2" eb="3">
      <t>サイ</t>
    </rPh>
    <phoneticPr fontId="4"/>
  </si>
  <si>
    <t>建設改良のための企業債</t>
    <rPh sb="0" eb="2">
      <t>ケンセツ</t>
    </rPh>
    <rPh sb="2" eb="4">
      <t>カイリョウ</t>
    </rPh>
    <rPh sb="8" eb="10">
      <t>キギョウ</t>
    </rPh>
    <rPh sb="10" eb="11">
      <t>サイ</t>
    </rPh>
    <phoneticPr fontId="4"/>
  </si>
  <si>
    <t>他会計出資金</t>
    <rPh sb="0" eb="1">
      <t>タ</t>
    </rPh>
    <rPh sb="1" eb="3">
      <t>カイケイ</t>
    </rPh>
    <rPh sb="3" eb="6">
      <t>シュッシキン</t>
    </rPh>
    <phoneticPr fontId="4"/>
  </si>
  <si>
    <t>他会計負担金</t>
    <rPh sb="0" eb="1">
      <t>タ</t>
    </rPh>
    <rPh sb="1" eb="3">
      <t>カイケイ</t>
    </rPh>
    <rPh sb="3" eb="6">
      <t>フタンキン</t>
    </rPh>
    <phoneticPr fontId="4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4"/>
  </si>
  <si>
    <t>他会計補助金</t>
    <rPh sb="0" eb="1">
      <t>タ</t>
    </rPh>
    <rPh sb="1" eb="3">
      <t>カイケイ</t>
    </rPh>
    <rPh sb="3" eb="6">
      <t>ホジョキン</t>
    </rPh>
    <phoneticPr fontId="4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4"/>
  </si>
  <si>
    <t>国庫補助金</t>
    <rPh sb="0" eb="2">
      <t>コッコ</t>
    </rPh>
    <rPh sb="2" eb="5">
      <t>ホジョキン</t>
    </rPh>
    <phoneticPr fontId="4"/>
  </si>
  <si>
    <t>県補助金</t>
    <rPh sb="0" eb="1">
      <t>ケン</t>
    </rPh>
    <rPh sb="1" eb="4">
      <t>ホジョキン</t>
    </rPh>
    <phoneticPr fontId="4"/>
  </si>
  <si>
    <t>工事負担金</t>
    <rPh sb="0" eb="2">
      <t>コウジ</t>
    </rPh>
    <rPh sb="2" eb="5">
      <t>フタンキン</t>
    </rPh>
    <phoneticPr fontId="4"/>
  </si>
  <si>
    <t>翌年度へ繰越される</t>
    <rPh sb="0" eb="3">
      <t>ヨクネンド</t>
    </rPh>
    <rPh sb="4" eb="6">
      <t>クリコ</t>
    </rPh>
    <phoneticPr fontId="4"/>
  </si>
  <si>
    <t>支出の財源充当額 (b)</t>
    <phoneticPr fontId="4"/>
  </si>
  <si>
    <t>資本的支出</t>
    <rPh sb="0" eb="3">
      <t>シホンテキ</t>
    </rPh>
    <rPh sb="3" eb="5">
      <t>シシュツ</t>
    </rPh>
    <phoneticPr fontId="4"/>
  </si>
  <si>
    <t>建設改良費</t>
    <rPh sb="0" eb="2">
      <t>ケンセツ</t>
    </rPh>
    <rPh sb="2" eb="4">
      <t>カイリョウ</t>
    </rPh>
    <rPh sb="4" eb="5">
      <t>ヒ</t>
    </rPh>
    <phoneticPr fontId="4"/>
  </si>
  <si>
    <t>建設利息</t>
    <rPh sb="0" eb="2">
      <t>ケンセツ</t>
    </rPh>
    <rPh sb="2" eb="4">
      <t>リソク</t>
    </rPh>
    <phoneticPr fontId="4"/>
  </si>
  <si>
    <t>企業債償還金</t>
    <rPh sb="0" eb="2">
      <t>キギョウ</t>
    </rPh>
    <rPh sb="2" eb="3">
      <t>サイ</t>
    </rPh>
    <rPh sb="3" eb="6">
      <t>ショウカンキン</t>
    </rPh>
    <phoneticPr fontId="4"/>
  </si>
  <si>
    <t>他会計からの長期借入金返還金</t>
    <rPh sb="0" eb="1">
      <t>タ</t>
    </rPh>
    <rPh sb="1" eb="3">
      <t>カイケイ</t>
    </rPh>
    <rPh sb="6" eb="8">
      <t>チョウキ</t>
    </rPh>
    <rPh sb="8" eb="10">
      <t>カリイレ</t>
    </rPh>
    <rPh sb="10" eb="11">
      <t>キン</t>
    </rPh>
    <rPh sb="11" eb="13">
      <t>ヘンカン</t>
    </rPh>
    <rPh sb="13" eb="14">
      <t>キン</t>
    </rPh>
    <phoneticPr fontId="4"/>
  </si>
  <si>
    <t>他会計への支出金</t>
    <rPh sb="0" eb="1">
      <t>タ</t>
    </rPh>
    <rPh sb="1" eb="3">
      <t>カイケイ</t>
    </rPh>
    <rPh sb="5" eb="7">
      <t>シシュツ</t>
    </rPh>
    <rPh sb="7" eb="8">
      <t>キン</t>
    </rPh>
    <phoneticPr fontId="4"/>
  </si>
  <si>
    <t>差額</t>
    <rPh sb="0" eb="2">
      <t>サガク</t>
    </rPh>
    <phoneticPr fontId="4"/>
  </si>
  <si>
    <t>補てん財源</t>
    <rPh sb="0" eb="1">
      <t>ホ</t>
    </rPh>
    <rPh sb="3" eb="5">
      <t>ザイゲン</t>
    </rPh>
    <phoneticPr fontId="4"/>
  </si>
  <si>
    <t>過年度分損益勘定留保資金</t>
    <rPh sb="0" eb="1">
      <t>カ</t>
    </rPh>
    <rPh sb="1" eb="3">
      <t>ネンド</t>
    </rPh>
    <rPh sb="3" eb="4">
      <t>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4"/>
  </si>
  <si>
    <t>当年度分損益勘定留保資金</t>
    <rPh sb="0" eb="1">
      <t>トウ</t>
    </rPh>
    <rPh sb="1" eb="4">
      <t>ネンド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4"/>
  </si>
  <si>
    <t>繰越利益剰余金処分額</t>
    <rPh sb="0" eb="2">
      <t>クリコシ</t>
    </rPh>
    <rPh sb="2" eb="4">
      <t>リエキ</t>
    </rPh>
    <rPh sb="4" eb="7">
      <t>ジョウヨキン</t>
    </rPh>
    <rPh sb="7" eb="9">
      <t>ショブン</t>
    </rPh>
    <rPh sb="9" eb="10">
      <t>ガク</t>
    </rPh>
    <phoneticPr fontId="4"/>
  </si>
  <si>
    <t>当年度利益剰余金処分額</t>
    <rPh sb="0" eb="1">
      <t>トウ</t>
    </rPh>
    <rPh sb="1" eb="3">
      <t>ネンド</t>
    </rPh>
    <rPh sb="3" eb="5">
      <t>リエキ</t>
    </rPh>
    <rPh sb="5" eb="8">
      <t>ジョウヨキン</t>
    </rPh>
    <rPh sb="8" eb="10">
      <t>ショブン</t>
    </rPh>
    <rPh sb="10" eb="11">
      <t>ガク</t>
    </rPh>
    <phoneticPr fontId="4"/>
  </si>
  <si>
    <t>積立金取りくずし額</t>
    <rPh sb="0" eb="2">
      <t>ツミタテ</t>
    </rPh>
    <rPh sb="2" eb="3">
      <t>キン</t>
    </rPh>
    <rPh sb="3" eb="4">
      <t>ト</t>
    </rPh>
    <rPh sb="8" eb="9">
      <t>ガク</t>
    </rPh>
    <phoneticPr fontId="4"/>
  </si>
  <si>
    <t>繰越工事資金</t>
    <rPh sb="0" eb="2">
      <t>クリコシ</t>
    </rPh>
    <rPh sb="2" eb="4">
      <t>コウジ</t>
    </rPh>
    <rPh sb="4" eb="6">
      <t>シキン</t>
    </rPh>
    <phoneticPr fontId="4"/>
  </si>
  <si>
    <t>当年度同意等債で未借入または未発行額</t>
    <rPh sb="0" eb="1">
      <t>トウ</t>
    </rPh>
    <rPh sb="1" eb="3">
      <t>ネンド</t>
    </rPh>
    <rPh sb="3" eb="5">
      <t>ドウイ</t>
    </rPh>
    <rPh sb="5" eb="6">
      <t>トウ</t>
    </rPh>
    <rPh sb="6" eb="7">
      <t>サイ</t>
    </rPh>
    <rPh sb="8" eb="9">
      <t>ミ</t>
    </rPh>
    <rPh sb="9" eb="11">
      <t>カリイレ</t>
    </rPh>
    <rPh sb="14" eb="18">
      <t>ミハッコウガク</t>
    </rPh>
    <phoneticPr fontId="4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4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4"/>
  </si>
  <si>
    <t>他会計繰入金合計</t>
    <rPh sb="0" eb="1">
      <t>タ</t>
    </rPh>
    <rPh sb="1" eb="3">
      <t>カイケイ</t>
    </rPh>
    <rPh sb="3" eb="5">
      <t>クリイレ</t>
    </rPh>
    <rPh sb="5" eb="6">
      <t>キン</t>
    </rPh>
    <rPh sb="6" eb="8">
      <t>ゴウケイ</t>
    </rPh>
    <phoneticPr fontId="4"/>
  </si>
  <si>
    <t>繰出基準に基づく繰入金</t>
    <rPh sb="0" eb="2">
      <t>クリダシ</t>
    </rPh>
    <rPh sb="2" eb="4">
      <t>キジュン</t>
    </rPh>
    <rPh sb="5" eb="6">
      <t>モト</t>
    </rPh>
    <rPh sb="8" eb="10">
      <t>クリイレ</t>
    </rPh>
    <rPh sb="10" eb="11">
      <t>キン</t>
    </rPh>
    <phoneticPr fontId="4"/>
  </si>
  <si>
    <t>繰出基準以外の繰入金</t>
    <rPh sb="0" eb="2">
      <t>クリダシ</t>
    </rPh>
    <rPh sb="2" eb="4">
      <t>キジュン</t>
    </rPh>
    <rPh sb="4" eb="6">
      <t>イガイ</t>
    </rPh>
    <rPh sb="7" eb="9">
      <t>クリイレ</t>
    </rPh>
    <rPh sb="9" eb="10">
      <t>キン</t>
    </rPh>
    <phoneticPr fontId="4"/>
  </si>
  <si>
    <t>繰出基準に係る上乗せ繰入</t>
    <rPh sb="0" eb="2">
      <t>クリダシ</t>
    </rPh>
    <rPh sb="2" eb="4">
      <t>キジュン</t>
    </rPh>
    <rPh sb="5" eb="6">
      <t>カカ</t>
    </rPh>
    <rPh sb="7" eb="9">
      <t>ウワノ</t>
    </rPh>
    <rPh sb="10" eb="12">
      <t>クリイレ</t>
    </rPh>
    <phoneticPr fontId="4"/>
  </si>
  <si>
    <t>企業債現在高</t>
    <rPh sb="0" eb="2">
      <t>キギョウ</t>
    </rPh>
    <rPh sb="2" eb="3">
      <t>サイ</t>
    </rPh>
    <rPh sb="3" eb="6">
      <t>ゲンザイダカ</t>
    </rPh>
    <phoneticPr fontId="4"/>
  </si>
  <si>
    <t>総収支比率(%)</t>
    <rPh sb="1" eb="3">
      <t>シュウシ</t>
    </rPh>
    <rPh sb="3" eb="5">
      <t>ヒリツ</t>
    </rPh>
    <phoneticPr fontId="6"/>
  </si>
  <si>
    <t>経常収支比率(%)</t>
    <rPh sb="0" eb="2">
      <t>ケイジョウ</t>
    </rPh>
    <rPh sb="2" eb="4">
      <t>シュウシ</t>
    </rPh>
    <rPh sb="4" eb="6">
      <t>ヒリツ</t>
    </rPh>
    <phoneticPr fontId="4"/>
  </si>
  <si>
    <t>累積欠損金比率(%)</t>
    <rPh sb="0" eb="2">
      <t>ルイセキ</t>
    </rPh>
    <rPh sb="2" eb="5">
      <t>ケッソンキン</t>
    </rPh>
    <rPh sb="5" eb="7">
      <t>ヒリツ</t>
    </rPh>
    <phoneticPr fontId="4"/>
  </si>
  <si>
    <t>普及率(%)</t>
    <rPh sb="0" eb="2">
      <t>フキュウ</t>
    </rPh>
    <rPh sb="2" eb="3">
      <t>リツ</t>
    </rPh>
    <phoneticPr fontId="4"/>
  </si>
  <si>
    <t>有収率(%)</t>
    <rPh sb="0" eb="1">
      <t>ユウ</t>
    </rPh>
    <rPh sb="1" eb="2">
      <t>シュウ</t>
    </rPh>
    <rPh sb="2" eb="3">
      <t>リツ</t>
    </rPh>
    <phoneticPr fontId="4"/>
  </si>
  <si>
    <t>供給単価(円/㎥)</t>
    <phoneticPr fontId="4"/>
  </si>
  <si>
    <t>給水原価(円/㎥)</t>
    <rPh sb="0" eb="2">
      <t>キュウスイ</t>
    </rPh>
    <rPh sb="2" eb="4">
      <t>ゲンカ</t>
    </rPh>
    <phoneticPr fontId="4"/>
  </si>
  <si>
    <t>料金回収率(%)</t>
    <rPh sb="0" eb="2">
      <t>リョウキン</t>
    </rPh>
    <rPh sb="2" eb="5">
      <t>カイシュウリツ</t>
    </rPh>
    <phoneticPr fontId="6"/>
  </si>
  <si>
    <t>　　　　　　　　　　　　団体名
　区分</t>
  </si>
  <si>
    <t>　　　　　　　　　　　団体名
　区分</t>
  </si>
  <si>
    <t>前年度同意債で今年度収入分 (c)</t>
    <rPh sb="0" eb="3">
      <t>ゼンネンド</t>
    </rPh>
    <rPh sb="3" eb="5">
      <t>ドウイ</t>
    </rPh>
    <rPh sb="5" eb="6">
      <t>サイ</t>
    </rPh>
    <rPh sb="7" eb="10">
      <t>コンネンド</t>
    </rPh>
    <rPh sb="10" eb="12">
      <t>シュウニュウ</t>
    </rPh>
    <rPh sb="12" eb="13">
      <t>ブン</t>
    </rPh>
    <phoneticPr fontId="4"/>
  </si>
  <si>
    <t>計 (a)</t>
    <rPh sb="0" eb="1">
      <t>ケイ</t>
    </rPh>
    <phoneticPr fontId="4"/>
  </si>
  <si>
    <t>純計 (a)-{(b)+(c)} (d)</t>
    <rPh sb="0" eb="2">
      <t>ジュンケイ</t>
    </rPh>
    <phoneticPr fontId="4"/>
  </si>
  <si>
    <t>計 (e)</t>
    <rPh sb="0" eb="1">
      <t>ケイ</t>
    </rPh>
    <phoneticPr fontId="4"/>
  </si>
  <si>
    <t>差引
(d)-(e)</t>
    <rPh sb="0" eb="2">
      <t>サシヒキ</t>
    </rPh>
    <phoneticPr fontId="4"/>
  </si>
  <si>
    <t>計 (g)</t>
    <rPh sb="0" eb="1">
      <t>ケイ</t>
    </rPh>
    <phoneticPr fontId="4"/>
  </si>
  <si>
    <t>さいたま市</t>
    <rPh sb="4" eb="5">
      <t>シ</t>
    </rPh>
    <phoneticPr fontId="8"/>
  </si>
  <si>
    <t>川越市</t>
    <rPh sb="0" eb="2">
      <t>カワゴエシ</t>
    </rPh>
    <phoneticPr fontId="8"/>
  </si>
  <si>
    <t>熊谷市</t>
    <rPh sb="0" eb="2">
      <t>クマガヤシ</t>
    </rPh>
    <phoneticPr fontId="8"/>
  </si>
  <si>
    <t>川口市</t>
    <rPh sb="0" eb="3">
      <t>カワグチシ</t>
    </rPh>
    <phoneticPr fontId="8"/>
  </si>
  <si>
    <t>行田市</t>
    <rPh sb="0" eb="3">
      <t>ギョウダシ</t>
    </rPh>
    <phoneticPr fontId="8"/>
  </si>
  <si>
    <t>所沢市</t>
    <rPh sb="0" eb="2">
      <t>トコロザワシ</t>
    </rPh>
    <phoneticPr fontId="8"/>
  </si>
  <si>
    <t>飯能市</t>
    <rPh sb="0" eb="2">
      <t>ハンノウシ</t>
    </rPh>
    <phoneticPr fontId="8"/>
  </si>
  <si>
    <t>加須市</t>
    <rPh sb="0" eb="2">
      <t>カゾシ</t>
    </rPh>
    <phoneticPr fontId="8"/>
  </si>
  <si>
    <t>本庄市</t>
    <rPh sb="0" eb="2">
      <t>ホンジョウシ</t>
    </rPh>
    <phoneticPr fontId="8"/>
  </si>
  <si>
    <t>東松山市</t>
    <rPh sb="0" eb="3">
      <t>ヒガシマツヤマシ</t>
    </rPh>
    <phoneticPr fontId="8"/>
  </si>
  <si>
    <t>春日部市</t>
    <rPh sb="0" eb="3">
      <t>カスカベシ</t>
    </rPh>
    <phoneticPr fontId="8"/>
  </si>
  <si>
    <t>狭山市</t>
    <rPh sb="0" eb="2">
      <t>サヤマシ</t>
    </rPh>
    <phoneticPr fontId="8"/>
  </si>
  <si>
    <t>羽生市</t>
    <rPh sb="0" eb="2">
      <t>ハニュウシ</t>
    </rPh>
    <phoneticPr fontId="8"/>
  </si>
  <si>
    <t>鴻巣市</t>
    <rPh sb="0" eb="2">
      <t>コウノスシ</t>
    </rPh>
    <phoneticPr fontId="8"/>
  </si>
  <si>
    <t>深谷市</t>
    <rPh sb="0" eb="2">
      <t>フカヤシ</t>
    </rPh>
    <phoneticPr fontId="8"/>
  </si>
  <si>
    <t>上尾市</t>
    <rPh sb="0" eb="2">
      <t>アゲオシ</t>
    </rPh>
    <phoneticPr fontId="8"/>
  </si>
  <si>
    <t>草加市</t>
    <rPh sb="0" eb="2">
      <t>ソウカシ</t>
    </rPh>
    <phoneticPr fontId="8"/>
  </si>
  <si>
    <t>戸田市</t>
    <rPh sb="0" eb="2">
      <t>トダシ</t>
    </rPh>
    <phoneticPr fontId="8"/>
  </si>
  <si>
    <t>入間市</t>
    <rPh sb="0" eb="2">
      <t>イルマシ</t>
    </rPh>
    <phoneticPr fontId="8"/>
  </si>
  <si>
    <t>朝霞市</t>
    <rPh sb="0" eb="2">
      <t>アサカシ</t>
    </rPh>
    <phoneticPr fontId="8"/>
  </si>
  <si>
    <t>志木市</t>
    <rPh sb="0" eb="2">
      <t>シキシ</t>
    </rPh>
    <phoneticPr fontId="8"/>
  </si>
  <si>
    <t>和光市</t>
    <rPh sb="0" eb="2">
      <t>ワコウシ</t>
    </rPh>
    <phoneticPr fontId="8"/>
  </si>
  <si>
    <t>新座市</t>
    <rPh sb="0" eb="2">
      <t>ニイザシ</t>
    </rPh>
    <phoneticPr fontId="8"/>
  </si>
  <si>
    <t>久喜市</t>
    <rPh sb="0" eb="2">
      <t>クキシ</t>
    </rPh>
    <phoneticPr fontId="8"/>
  </si>
  <si>
    <t>八潮市</t>
    <rPh sb="0" eb="2">
      <t>ヤシオシ</t>
    </rPh>
    <phoneticPr fontId="8"/>
  </si>
  <si>
    <t>富士見市</t>
    <rPh sb="0" eb="3">
      <t>フジミシ</t>
    </rPh>
    <phoneticPr fontId="8"/>
  </si>
  <si>
    <t>三郷市</t>
    <rPh sb="0" eb="2">
      <t>ミサトシ</t>
    </rPh>
    <phoneticPr fontId="8"/>
  </si>
  <si>
    <t>蓮田市</t>
    <rPh sb="0" eb="2">
      <t>ハスダシ</t>
    </rPh>
    <phoneticPr fontId="8"/>
  </si>
  <si>
    <t>幸手市</t>
    <rPh sb="0" eb="2">
      <t>サッテシ</t>
    </rPh>
    <phoneticPr fontId="8"/>
  </si>
  <si>
    <t>日高市</t>
    <rPh sb="0" eb="2">
      <t>ヒダカシ</t>
    </rPh>
    <phoneticPr fontId="8"/>
  </si>
  <si>
    <t>吉川市</t>
    <rPh sb="0" eb="2">
      <t>ヨシカワシ</t>
    </rPh>
    <phoneticPr fontId="8"/>
  </si>
  <si>
    <t>ふじみ野市</t>
    <rPh sb="3" eb="4">
      <t>ノ</t>
    </rPh>
    <rPh sb="4" eb="5">
      <t>シ</t>
    </rPh>
    <phoneticPr fontId="8"/>
  </si>
  <si>
    <t>白岡市</t>
    <rPh sb="0" eb="2">
      <t>シラオカマチ</t>
    </rPh>
    <rPh sb="2" eb="3">
      <t>シ</t>
    </rPh>
    <phoneticPr fontId="8"/>
  </si>
  <si>
    <t>伊奈町</t>
    <rPh sb="0" eb="2">
      <t>イナマチ</t>
    </rPh>
    <phoneticPr fontId="8"/>
  </si>
  <si>
    <t>三芳町</t>
    <rPh sb="0" eb="2">
      <t>ミヨシマチ</t>
    </rPh>
    <phoneticPr fontId="8"/>
  </si>
  <si>
    <t>毛呂山町</t>
    <rPh sb="0" eb="3">
      <t>モロヤママチ</t>
    </rPh>
    <phoneticPr fontId="8"/>
  </si>
  <si>
    <t>越生町</t>
    <rPh sb="0" eb="2">
      <t>オゴセマチ</t>
    </rPh>
    <phoneticPr fontId="8"/>
  </si>
  <si>
    <t>滑川町</t>
    <rPh sb="0" eb="1">
      <t>ナメカワ</t>
    </rPh>
    <rPh sb="1" eb="2">
      <t>マチ</t>
    </rPh>
    <phoneticPr fontId="8"/>
  </si>
  <si>
    <t>嵐山町</t>
    <rPh sb="0" eb="2">
      <t>ランザンマチ</t>
    </rPh>
    <phoneticPr fontId="8"/>
  </si>
  <si>
    <t>小川町</t>
    <rPh sb="0" eb="2">
      <t>オガワマチ</t>
    </rPh>
    <phoneticPr fontId="8"/>
  </si>
  <si>
    <t>川島町</t>
    <rPh sb="0" eb="2">
      <t>カワシママチ</t>
    </rPh>
    <phoneticPr fontId="8"/>
  </si>
  <si>
    <t>吉見町</t>
    <rPh sb="0" eb="2">
      <t>ヨシミマチ</t>
    </rPh>
    <phoneticPr fontId="8"/>
  </si>
  <si>
    <t>鳩山町</t>
    <rPh sb="0" eb="2">
      <t>ハトヤママチ</t>
    </rPh>
    <phoneticPr fontId="8"/>
  </si>
  <si>
    <t>ときがわ町</t>
    <rPh sb="4" eb="5">
      <t>マチ</t>
    </rPh>
    <phoneticPr fontId="8"/>
  </si>
  <si>
    <t>美里町</t>
    <rPh sb="0" eb="2">
      <t>ミサトマチ</t>
    </rPh>
    <phoneticPr fontId="8"/>
  </si>
  <si>
    <t>神川町</t>
    <rPh sb="0" eb="2">
      <t>カミカワマチ</t>
    </rPh>
    <phoneticPr fontId="8"/>
  </si>
  <si>
    <t>上里町</t>
    <rPh sb="0" eb="2">
      <t>カミサトマチ</t>
    </rPh>
    <phoneticPr fontId="8"/>
  </si>
  <si>
    <t>寄居町</t>
    <rPh sb="0" eb="2">
      <t>ヨリイマチ</t>
    </rPh>
    <phoneticPr fontId="8"/>
  </si>
  <si>
    <t>宮代町</t>
    <rPh sb="0" eb="2">
      <t>ミヤシロマチ</t>
    </rPh>
    <phoneticPr fontId="8"/>
  </si>
  <si>
    <t>杉戸町</t>
    <rPh sb="0" eb="2">
      <t>スギトマチ</t>
    </rPh>
    <phoneticPr fontId="8"/>
  </si>
  <si>
    <t>越谷・松伏</t>
    <rPh sb="0" eb="2">
      <t>コシガヤ</t>
    </rPh>
    <rPh sb="3" eb="5">
      <t>マツブシ</t>
    </rPh>
    <phoneticPr fontId="8"/>
  </si>
  <si>
    <t>桶川北本</t>
    <rPh sb="0" eb="2">
      <t>オケガワ</t>
    </rPh>
    <rPh sb="2" eb="4">
      <t>キタモト</t>
    </rPh>
    <phoneticPr fontId="8"/>
  </si>
  <si>
    <t>坂戸、鶴ヶ島</t>
    <rPh sb="0" eb="2">
      <t>サカド</t>
    </rPh>
    <rPh sb="3" eb="6">
      <t>ツルガシマ</t>
    </rPh>
    <phoneticPr fontId="8"/>
  </si>
  <si>
    <t>水道企業団</t>
    <rPh sb="0" eb="2">
      <t>スイドウ</t>
    </rPh>
    <rPh sb="2" eb="4">
      <t>キギョウ</t>
    </rPh>
    <rPh sb="4" eb="5">
      <t>ダン</t>
    </rPh>
    <phoneticPr fontId="8"/>
  </si>
  <si>
    <t>料金表／月</t>
    <rPh sb="0" eb="2">
      <t>リョウキン</t>
    </rPh>
    <rPh sb="2" eb="3">
      <t>ヒョウ</t>
    </rPh>
    <rPh sb="4" eb="5">
      <t>ツキ</t>
    </rPh>
    <phoneticPr fontId="8"/>
  </si>
  <si>
    <t>用途(口径)</t>
    <rPh sb="0" eb="2">
      <t>ヨウト</t>
    </rPh>
    <rPh sb="3" eb="5">
      <t>コウケイ</t>
    </rPh>
    <phoneticPr fontId="8"/>
  </si>
  <si>
    <t>基本水量(㎥)</t>
    <rPh sb="0" eb="2">
      <t>キホン</t>
    </rPh>
    <rPh sb="2" eb="4">
      <t>スイリョウ</t>
    </rPh>
    <phoneticPr fontId="8"/>
  </si>
  <si>
    <t>13mm</t>
  </si>
  <si>
    <t>家事</t>
    <rPh sb="0" eb="2">
      <t>カジ</t>
    </rPh>
    <phoneticPr fontId="8"/>
  </si>
  <si>
    <t>一般</t>
    <rPh sb="0" eb="2">
      <t>イッパン</t>
    </rPh>
    <phoneticPr fontId="8"/>
  </si>
  <si>
    <t>単一</t>
    <rPh sb="0" eb="2">
      <t>タンイツ</t>
    </rPh>
    <phoneticPr fontId="8"/>
  </si>
  <si>
    <t>基本料金(円)</t>
    <rPh sb="0" eb="2">
      <t>キホン</t>
    </rPh>
    <rPh sb="2" eb="4">
      <t>リョウキン</t>
    </rPh>
    <rPh sb="5" eb="6">
      <t>エン</t>
    </rPh>
    <phoneticPr fontId="8"/>
  </si>
  <si>
    <t>～</t>
  </si>
  <si>
    <t>営業</t>
    <rPh sb="0" eb="2">
      <t>エイギョウ</t>
    </rPh>
    <phoneticPr fontId="8"/>
  </si>
  <si>
    <t>料金</t>
    <rPh sb="0" eb="2">
      <t>リョウキン</t>
    </rPh>
    <phoneticPr fontId="8"/>
  </si>
  <si>
    <t>超過料金(円/㎥)</t>
    <rPh sb="0" eb="2">
      <t>チョウカ</t>
    </rPh>
    <rPh sb="2" eb="4">
      <t>リョウキン</t>
    </rPh>
    <rPh sb="5" eb="6">
      <t>エン</t>
    </rPh>
    <phoneticPr fontId="8"/>
  </si>
  <si>
    <t>20mm</t>
  </si>
  <si>
    <t>官公署</t>
    <rPh sb="0" eb="3">
      <t>カンコウショ</t>
    </rPh>
    <phoneticPr fontId="8"/>
  </si>
  <si>
    <t>公衆</t>
    <rPh sb="0" eb="2">
      <t>コウシュウ</t>
    </rPh>
    <phoneticPr fontId="8"/>
  </si>
  <si>
    <t>公共</t>
    <rPh sb="0" eb="2">
      <t>コウキョウ</t>
    </rPh>
    <phoneticPr fontId="8"/>
  </si>
  <si>
    <t>浴場</t>
    <rPh sb="0" eb="2">
      <t>ヨクジョウ</t>
    </rPh>
    <phoneticPr fontId="8"/>
  </si>
  <si>
    <t>25mm</t>
  </si>
  <si>
    <t>施設用</t>
    <rPh sb="0" eb="2">
      <t>シセツ</t>
    </rPh>
    <rPh sb="2" eb="3">
      <t>ヨウ</t>
    </rPh>
    <phoneticPr fontId="8"/>
  </si>
  <si>
    <t>工場</t>
    <rPh sb="0" eb="2">
      <t>コウジョウ</t>
    </rPh>
    <phoneticPr fontId="8"/>
  </si>
  <si>
    <t>臨時</t>
    <rPh sb="0" eb="2">
      <t>リンジ</t>
    </rPh>
    <phoneticPr fontId="8"/>
  </si>
  <si>
    <t>30mm</t>
  </si>
  <si>
    <t>40mm</t>
  </si>
  <si>
    <t>学校</t>
    <rPh sb="0" eb="2">
      <t>ガッコウ</t>
    </rPh>
    <phoneticPr fontId="8"/>
  </si>
  <si>
    <t>50mm</t>
  </si>
  <si>
    <t>75mm</t>
  </si>
  <si>
    <t>てい増超過料金</t>
    <rPh sb="2" eb="3">
      <t>ゾウ</t>
    </rPh>
    <rPh sb="3" eb="5">
      <t>チョウカ</t>
    </rPh>
    <rPh sb="5" eb="7">
      <t>リョウキン</t>
    </rPh>
    <phoneticPr fontId="8"/>
  </si>
  <si>
    <t xml:space="preserve">  8超～ 20…  175</t>
    <rPh sb="3" eb="4">
      <t>チョウ</t>
    </rPh>
    <phoneticPr fontId="8"/>
  </si>
  <si>
    <t xml:space="preserve"> 10超～ 20… 135</t>
    <rPh sb="3" eb="4">
      <t>チョウ</t>
    </rPh>
    <phoneticPr fontId="8"/>
  </si>
  <si>
    <t xml:space="preserve"> 10超～ 15…  85</t>
    <rPh sb="3" eb="4">
      <t>チョウ</t>
    </rPh>
    <phoneticPr fontId="8"/>
  </si>
  <si>
    <t xml:space="preserve">  8超～ 15… 120</t>
    <rPh sb="3" eb="4">
      <t>チョウ</t>
    </rPh>
    <phoneticPr fontId="8"/>
  </si>
  <si>
    <t xml:space="preserve"> 10超～ 20… 120</t>
    <rPh sb="3" eb="4">
      <t>チョウ</t>
    </rPh>
    <phoneticPr fontId="8"/>
  </si>
  <si>
    <t xml:space="preserve"> 10超～ 20… 150</t>
    <rPh sb="3" eb="4">
      <t>チョウ</t>
    </rPh>
    <phoneticPr fontId="8"/>
  </si>
  <si>
    <t xml:space="preserve"> 10超～ 20…  95</t>
    <rPh sb="3" eb="4">
      <t>チョウ</t>
    </rPh>
    <phoneticPr fontId="8"/>
  </si>
  <si>
    <t xml:space="preserve">  8超～ 10… 100</t>
    <rPh sb="3" eb="4">
      <t>チョウ</t>
    </rPh>
    <phoneticPr fontId="8"/>
  </si>
  <si>
    <t xml:space="preserve"> 10超～ 20… 115</t>
    <rPh sb="3" eb="4">
      <t>チョウ</t>
    </rPh>
    <phoneticPr fontId="8"/>
  </si>
  <si>
    <t xml:space="preserve"> 10超～ 20… 130</t>
    <rPh sb="3" eb="4">
      <t>チョウ</t>
    </rPh>
    <phoneticPr fontId="8"/>
  </si>
  <si>
    <t xml:space="preserve">   8超～  20… 120</t>
    <rPh sb="4" eb="5">
      <t>チョウ</t>
    </rPh>
    <phoneticPr fontId="8"/>
  </si>
  <si>
    <t xml:space="preserve">  10超～  20… 150</t>
    <rPh sb="4" eb="5">
      <t>チョウ</t>
    </rPh>
    <phoneticPr fontId="8"/>
  </si>
  <si>
    <t xml:space="preserve">  5超～   10…  90</t>
    <rPh sb="3" eb="4">
      <t>チョウ</t>
    </rPh>
    <phoneticPr fontId="8"/>
  </si>
  <si>
    <t xml:space="preserve"> 10超～ 30… 160</t>
    <rPh sb="3" eb="4">
      <t>チョウ</t>
    </rPh>
    <phoneticPr fontId="8"/>
  </si>
  <si>
    <t xml:space="preserve">  5超～ 10…  75</t>
    <rPh sb="3" eb="4">
      <t>チョウ</t>
    </rPh>
    <phoneticPr fontId="8"/>
  </si>
  <si>
    <t xml:space="preserve">  10超～  15… 115</t>
    <rPh sb="4" eb="5">
      <t>チョウ</t>
    </rPh>
    <phoneticPr fontId="8"/>
  </si>
  <si>
    <t xml:space="preserve"> 10超～ 20… 140</t>
    <rPh sb="3" eb="4">
      <t>チョウ</t>
    </rPh>
    <phoneticPr fontId="8"/>
  </si>
  <si>
    <t xml:space="preserve"> 10超～ 30… 170</t>
    <rPh sb="3" eb="4">
      <t>チョウ</t>
    </rPh>
    <phoneticPr fontId="8"/>
  </si>
  <si>
    <t xml:space="preserve">  10超～  20… 140</t>
    <rPh sb="4" eb="5">
      <t>チョウ</t>
    </rPh>
    <phoneticPr fontId="8"/>
  </si>
  <si>
    <t xml:space="preserve">  5超～ 15… 120</t>
    <rPh sb="3" eb="4">
      <t>チョウ</t>
    </rPh>
    <phoneticPr fontId="8"/>
  </si>
  <si>
    <t xml:space="preserve">  8超～  10…  60</t>
    <rPh sb="3" eb="4">
      <t>チョウ</t>
    </rPh>
    <phoneticPr fontId="8"/>
  </si>
  <si>
    <t>何㎥～何㎥</t>
    <rPh sb="0" eb="1">
      <t>ナニ</t>
    </rPh>
    <rPh sb="3" eb="4">
      <t>ナニ</t>
    </rPh>
    <phoneticPr fontId="8"/>
  </si>
  <si>
    <t xml:space="preserve"> 20超～ 30…  220</t>
    <rPh sb="3" eb="4">
      <t>チョウ</t>
    </rPh>
    <phoneticPr fontId="8"/>
  </si>
  <si>
    <t xml:space="preserve">  10超～  20… 110</t>
    <rPh sb="4" eb="5">
      <t>チョウ</t>
    </rPh>
    <phoneticPr fontId="8"/>
  </si>
  <si>
    <t xml:space="preserve"> 15超～ 30… 115</t>
    <rPh sb="3" eb="4">
      <t>チョウ</t>
    </rPh>
    <phoneticPr fontId="8"/>
  </si>
  <si>
    <t xml:space="preserve"> 15超～ 25… 150</t>
    <rPh sb="3" eb="4">
      <t>チョウ</t>
    </rPh>
    <phoneticPr fontId="8"/>
  </si>
  <si>
    <t xml:space="preserve"> 20超～ 30… 140</t>
    <rPh sb="3" eb="4">
      <t>チョウ</t>
    </rPh>
    <phoneticPr fontId="8"/>
  </si>
  <si>
    <t xml:space="preserve"> 20超～ 30… 170</t>
    <rPh sb="3" eb="4">
      <t>チョウ</t>
    </rPh>
    <phoneticPr fontId="8"/>
  </si>
  <si>
    <t xml:space="preserve"> 20超～ 30… 190</t>
    <rPh sb="3" eb="4">
      <t>チョウ</t>
    </rPh>
    <phoneticPr fontId="8"/>
  </si>
  <si>
    <t xml:space="preserve"> 20超～ 30… 155</t>
    <rPh sb="3" eb="4">
      <t>チョウ</t>
    </rPh>
    <phoneticPr fontId="8"/>
  </si>
  <si>
    <t xml:space="preserve"> 10超～ 20…  90</t>
    <rPh sb="3" eb="4">
      <t>チョウ</t>
    </rPh>
    <phoneticPr fontId="8"/>
  </si>
  <si>
    <t xml:space="preserve"> 10超～ 20…  89</t>
    <rPh sb="3" eb="4">
      <t>チョウ</t>
    </rPh>
    <phoneticPr fontId="8"/>
  </si>
  <si>
    <t xml:space="preserve">  10超～  20… 120</t>
    <rPh sb="4" eb="5">
      <t>チョウ</t>
    </rPh>
    <phoneticPr fontId="8"/>
  </si>
  <si>
    <t xml:space="preserve"> 20超～ 40… 145</t>
    <rPh sb="3" eb="4">
      <t>チョウ</t>
    </rPh>
    <phoneticPr fontId="8"/>
  </si>
  <si>
    <t xml:space="preserve"> 20超～ 30… 160</t>
    <rPh sb="3" eb="4">
      <t>チョウ</t>
    </rPh>
    <phoneticPr fontId="8"/>
  </si>
  <si>
    <t xml:space="preserve">  20超～  35… 140</t>
    <rPh sb="4" eb="5">
      <t>チョウ</t>
    </rPh>
    <phoneticPr fontId="8"/>
  </si>
  <si>
    <t xml:space="preserve">  20超～  30… 170</t>
    <rPh sb="4" eb="5">
      <t>チョウ</t>
    </rPh>
    <phoneticPr fontId="8"/>
  </si>
  <si>
    <t xml:space="preserve"> 10超～   50… 110</t>
    <rPh sb="3" eb="4">
      <t>チョウ</t>
    </rPh>
    <phoneticPr fontId="8"/>
  </si>
  <si>
    <t xml:space="preserve"> 30超～ 50… 210</t>
    <rPh sb="3" eb="4">
      <t>チョウ</t>
    </rPh>
    <phoneticPr fontId="8"/>
  </si>
  <si>
    <t xml:space="preserve"> 20超～ 30… 150</t>
    <rPh sb="3" eb="4">
      <t>チョウ</t>
    </rPh>
    <phoneticPr fontId="8"/>
  </si>
  <si>
    <t xml:space="preserve"> 10超～ 20…  85</t>
    <rPh sb="3" eb="4">
      <t>チョウ</t>
    </rPh>
    <phoneticPr fontId="8"/>
  </si>
  <si>
    <t xml:space="preserve">  15超～  20… 125</t>
    <rPh sb="4" eb="5">
      <t>チョウ</t>
    </rPh>
    <phoneticPr fontId="8"/>
  </si>
  <si>
    <t xml:space="preserve"> 30超～ 50… 160</t>
    <rPh sb="3" eb="4">
      <t>チョウ</t>
    </rPh>
    <phoneticPr fontId="8"/>
  </si>
  <si>
    <t xml:space="preserve"> 30超～ 50… 180</t>
    <rPh sb="3" eb="4">
      <t>チョウ</t>
    </rPh>
    <phoneticPr fontId="8"/>
  </si>
  <si>
    <t xml:space="preserve">  20超～  35… 170</t>
    <rPh sb="4" eb="5">
      <t>チョウ</t>
    </rPh>
    <phoneticPr fontId="8"/>
  </si>
  <si>
    <t xml:space="preserve"> 15超～ 30… 140</t>
    <rPh sb="3" eb="4">
      <t>チョウ</t>
    </rPh>
    <phoneticPr fontId="8"/>
  </si>
  <si>
    <t xml:space="preserve"> 10超～  20… 160</t>
    <rPh sb="3" eb="4">
      <t>チョウ</t>
    </rPh>
    <phoneticPr fontId="8"/>
  </si>
  <si>
    <t xml:space="preserve"> 10超～ 25… 170</t>
    <rPh sb="3" eb="4">
      <t>チョウ</t>
    </rPh>
    <phoneticPr fontId="8"/>
  </si>
  <si>
    <t xml:space="preserve"> 10超～   20…  98</t>
    <rPh sb="3" eb="4">
      <t>チョウ</t>
    </rPh>
    <phoneticPr fontId="8"/>
  </si>
  <si>
    <t xml:space="preserve"> 30超～ 　…  310</t>
    <rPh sb="3" eb="4">
      <t>チョウ</t>
    </rPh>
    <phoneticPr fontId="8"/>
  </si>
  <si>
    <t xml:space="preserve"> 15超～ 30… 125</t>
    <rPh sb="3" eb="4">
      <t>チョウ</t>
    </rPh>
    <phoneticPr fontId="8"/>
  </si>
  <si>
    <t xml:space="preserve"> 20超～ 50… 165</t>
    <rPh sb="3" eb="4">
      <t>チョウ</t>
    </rPh>
    <phoneticPr fontId="8"/>
  </si>
  <si>
    <t xml:space="preserve">  20超～  30… 150</t>
    <rPh sb="4" eb="5">
      <t>チョウ</t>
    </rPh>
    <phoneticPr fontId="8"/>
  </si>
  <si>
    <t xml:space="preserve"> 50超～100… 150</t>
    <rPh sb="3" eb="4">
      <t>チョウ</t>
    </rPh>
    <phoneticPr fontId="8"/>
  </si>
  <si>
    <t xml:space="preserve"> 30超～ 50… 150</t>
    <rPh sb="3" eb="4">
      <t>チョウ</t>
    </rPh>
    <phoneticPr fontId="8"/>
  </si>
  <si>
    <t xml:space="preserve"> 25超～ 35… 160</t>
    <rPh sb="3" eb="4">
      <t>チョウ</t>
    </rPh>
    <phoneticPr fontId="8"/>
  </si>
  <si>
    <t xml:space="preserve"> 20超～ 30… 185</t>
    <rPh sb="3" eb="4">
      <t>チョウ</t>
    </rPh>
    <phoneticPr fontId="8"/>
  </si>
  <si>
    <t xml:space="preserve"> 30超～ 50… 235</t>
    <rPh sb="3" eb="4">
      <t>チョウ</t>
    </rPh>
    <phoneticPr fontId="8"/>
  </si>
  <si>
    <t xml:space="preserve"> 30超～ 50… 200</t>
    <rPh sb="3" eb="4">
      <t>チョウ</t>
    </rPh>
    <phoneticPr fontId="8"/>
  </si>
  <si>
    <t xml:space="preserve"> 20超～ 40… 170</t>
    <rPh sb="3" eb="4">
      <t>チョウ</t>
    </rPh>
    <phoneticPr fontId="8"/>
  </si>
  <si>
    <t xml:space="preserve"> 20超～ 30… 116</t>
    <rPh sb="3" eb="4">
      <t>チョウ</t>
    </rPh>
    <phoneticPr fontId="8"/>
  </si>
  <si>
    <t xml:space="preserve"> 20超～ 50… 110</t>
    <rPh sb="3" eb="4">
      <t>チョウ</t>
    </rPh>
    <phoneticPr fontId="8"/>
  </si>
  <si>
    <t xml:space="preserve">  20超～  30… 180</t>
    <rPh sb="4" eb="5">
      <t>チョウ</t>
    </rPh>
    <phoneticPr fontId="8"/>
  </si>
  <si>
    <t xml:space="preserve"> 40超～100… 180</t>
    <rPh sb="3" eb="4">
      <t>チョウ</t>
    </rPh>
    <phoneticPr fontId="8"/>
  </si>
  <si>
    <t xml:space="preserve"> 30超～ 50… 220</t>
    <rPh sb="3" eb="4">
      <t>チョウ</t>
    </rPh>
    <phoneticPr fontId="8"/>
  </si>
  <si>
    <t xml:space="preserve">  35超～  50… 160</t>
    <rPh sb="4" eb="5">
      <t>チョウ</t>
    </rPh>
    <phoneticPr fontId="8"/>
  </si>
  <si>
    <t xml:space="preserve">  30超～ 100… 240</t>
    <rPh sb="4" eb="5">
      <t>チョウ</t>
    </rPh>
    <phoneticPr fontId="8"/>
  </si>
  <si>
    <t xml:space="preserve"> 50超～  250… 170</t>
    <rPh sb="3" eb="4">
      <t>チョウ</t>
    </rPh>
    <phoneticPr fontId="8"/>
  </si>
  <si>
    <t xml:space="preserve"> 50超～ 70… 225</t>
    <rPh sb="3" eb="4">
      <t>チョウ</t>
    </rPh>
    <phoneticPr fontId="8"/>
  </si>
  <si>
    <t xml:space="preserve"> 30超～ 75… 170</t>
    <rPh sb="3" eb="4">
      <t>チョウ</t>
    </rPh>
    <phoneticPr fontId="8"/>
  </si>
  <si>
    <t xml:space="preserve">  20超～  30… 140</t>
    <rPh sb="4" eb="5">
      <t>チョウ</t>
    </rPh>
    <phoneticPr fontId="8"/>
  </si>
  <si>
    <t xml:space="preserve"> 50超～100… 200</t>
    <rPh sb="3" eb="4">
      <t>チョウ</t>
    </rPh>
    <phoneticPr fontId="8"/>
  </si>
  <si>
    <t xml:space="preserve">  35超～  50… 220</t>
    <rPh sb="4" eb="5">
      <t>チョウ</t>
    </rPh>
    <phoneticPr fontId="8"/>
  </si>
  <si>
    <t xml:space="preserve"> 30超～ 50… 170</t>
    <rPh sb="3" eb="4">
      <t>チョウ</t>
    </rPh>
    <phoneticPr fontId="8"/>
  </si>
  <si>
    <t xml:space="preserve"> 20超～  30… 210</t>
    <rPh sb="3" eb="4">
      <t>チョウ</t>
    </rPh>
    <phoneticPr fontId="8"/>
  </si>
  <si>
    <t xml:space="preserve"> 25超～ 50… 190</t>
    <rPh sb="3" eb="4">
      <t>チョウ</t>
    </rPh>
    <phoneticPr fontId="8"/>
  </si>
  <si>
    <t xml:space="preserve"> 20超～   50… 124</t>
    <rPh sb="3" eb="4">
      <t>チョウ</t>
    </rPh>
    <phoneticPr fontId="8"/>
  </si>
  <si>
    <t>…何円/㎥</t>
    <rPh sb="1" eb="2">
      <t>ナニ</t>
    </rPh>
    <rPh sb="2" eb="3">
      <t>エン</t>
    </rPh>
    <phoneticPr fontId="8"/>
  </si>
  <si>
    <t xml:space="preserve"> 30超～ 50… 185</t>
    <rPh sb="3" eb="4">
      <t>チョウ</t>
    </rPh>
    <phoneticPr fontId="8"/>
  </si>
  <si>
    <t xml:space="preserve"> 50超～100… 190</t>
    <rPh sb="3" eb="4">
      <t>チョウ</t>
    </rPh>
    <phoneticPr fontId="8"/>
  </si>
  <si>
    <t xml:space="preserve">  30超～  50… 220</t>
    <rPh sb="4" eb="5">
      <t>チョウ</t>
    </rPh>
    <phoneticPr fontId="8"/>
  </si>
  <si>
    <t xml:space="preserve"> 50超～ 80… 190</t>
    <rPh sb="3" eb="4">
      <t>チョウ</t>
    </rPh>
    <phoneticPr fontId="8"/>
  </si>
  <si>
    <t xml:space="preserve"> 35超～ 50… 180</t>
    <rPh sb="3" eb="4">
      <t>チョウ</t>
    </rPh>
    <phoneticPr fontId="8"/>
  </si>
  <si>
    <t xml:space="preserve"> 30超～ 50… 240</t>
    <rPh sb="3" eb="4">
      <t>チョウ</t>
    </rPh>
    <phoneticPr fontId="8"/>
  </si>
  <si>
    <t xml:space="preserve"> 50超～   … 290</t>
    <rPh sb="3" eb="4">
      <t>チョウ</t>
    </rPh>
    <phoneticPr fontId="8"/>
  </si>
  <si>
    <t xml:space="preserve"> 50超～ 70… 220</t>
    <rPh sb="3" eb="4">
      <t>チョウ</t>
    </rPh>
    <phoneticPr fontId="8"/>
  </si>
  <si>
    <t xml:space="preserve"> 40超～100… 220</t>
    <rPh sb="3" eb="4">
      <t>チョウ</t>
    </rPh>
    <phoneticPr fontId="8"/>
  </si>
  <si>
    <t xml:space="preserve"> 30超～ 50… 158</t>
    <rPh sb="3" eb="4">
      <t>チョウ</t>
    </rPh>
    <phoneticPr fontId="8"/>
  </si>
  <si>
    <t xml:space="preserve"> 30超～ 50… 250</t>
    <rPh sb="3" eb="4">
      <t>チョウ</t>
    </rPh>
    <phoneticPr fontId="8"/>
  </si>
  <si>
    <t>100超～500… 220</t>
    <rPh sb="3" eb="4">
      <t>チョウ</t>
    </rPh>
    <phoneticPr fontId="8"/>
  </si>
  <si>
    <t xml:space="preserve"> 50超～100… 210</t>
    <rPh sb="3" eb="4">
      <t>チョウ</t>
    </rPh>
    <phoneticPr fontId="8"/>
  </si>
  <si>
    <t xml:space="preserve">  50超～ 100… 170</t>
    <rPh sb="4" eb="5">
      <t>チョウ</t>
    </rPh>
    <phoneticPr fontId="8"/>
  </si>
  <si>
    <t xml:space="preserve"> 100超～ 200… 300</t>
    <rPh sb="4" eb="5">
      <t>チョウ</t>
    </rPh>
    <phoneticPr fontId="8"/>
  </si>
  <si>
    <t>250超～ 3000… 210</t>
    <rPh sb="3" eb="4">
      <t>チョウ</t>
    </rPh>
    <phoneticPr fontId="8"/>
  </si>
  <si>
    <t xml:space="preserve"> 70超～   … 270</t>
    <rPh sb="3" eb="4">
      <t>チョウ</t>
    </rPh>
    <phoneticPr fontId="8"/>
  </si>
  <si>
    <t xml:space="preserve"> 75超～   … 200</t>
    <rPh sb="3" eb="4">
      <t>チョウ</t>
    </rPh>
    <phoneticPr fontId="8"/>
  </si>
  <si>
    <t xml:space="preserve"> 30超～ 50… 190</t>
    <rPh sb="3" eb="4">
      <t>チョウ</t>
    </rPh>
    <phoneticPr fontId="8"/>
  </si>
  <si>
    <t xml:space="preserve"> 100超～ 500… 190</t>
    <rPh sb="4" eb="5">
      <t>チョウ</t>
    </rPh>
    <phoneticPr fontId="8"/>
  </si>
  <si>
    <t xml:space="preserve">  30超～  50… 170</t>
    <rPh sb="4" eb="5">
      <t>チョウ</t>
    </rPh>
    <phoneticPr fontId="8"/>
  </si>
  <si>
    <t>100超～200… 220</t>
    <rPh sb="3" eb="4">
      <t>チョウ</t>
    </rPh>
    <phoneticPr fontId="8"/>
  </si>
  <si>
    <t xml:space="preserve">  50超～ 100… 280</t>
    <rPh sb="4" eb="5">
      <t>チョウ</t>
    </rPh>
    <phoneticPr fontId="8"/>
  </si>
  <si>
    <t xml:space="preserve"> 50超～150… 200</t>
    <rPh sb="3" eb="4">
      <t>チョウ</t>
    </rPh>
    <phoneticPr fontId="8"/>
  </si>
  <si>
    <t xml:space="preserve"> 30超～　50… 270</t>
    <rPh sb="3" eb="4">
      <t>チョウ</t>
    </rPh>
    <phoneticPr fontId="8"/>
  </si>
  <si>
    <t xml:space="preserve"> 50超～  100… 155</t>
    <rPh sb="3" eb="4">
      <t>チョウ</t>
    </rPh>
    <phoneticPr fontId="8"/>
  </si>
  <si>
    <t xml:space="preserve"> 50超～150… 240</t>
    <rPh sb="3" eb="4">
      <t>チョウ</t>
    </rPh>
    <phoneticPr fontId="8"/>
  </si>
  <si>
    <t>100超～   … 210</t>
    <rPh sb="3" eb="4">
      <t>チョウ</t>
    </rPh>
    <phoneticPr fontId="8"/>
  </si>
  <si>
    <t xml:space="preserve">  50超～ 100… 290</t>
    <rPh sb="4" eb="5">
      <t>チョウ</t>
    </rPh>
    <phoneticPr fontId="8"/>
  </si>
  <si>
    <t xml:space="preserve"> 50超～100… 230</t>
    <rPh sb="3" eb="4">
      <t>チョウ</t>
    </rPh>
    <phoneticPr fontId="8"/>
  </si>
  <si>
    <t xml:space="preserve"> 80超～120… 225</t>
    <rPh sb="3" eb="4">
      <t>チョウ</t>
    </rPh>
    <phoneticPr fontId="8"/>
  </si>
  <si>
    <t xml:space="preserve"> 50超～100… 220</t>
    <rPh sb="3" eb="4">
      <t>チョウ</t>
    </rPh>
    <phoneticPr fontId="8"/>
  </si>
  <si>
    <t xml:space="preserve"> 50超～100… 260</t>
    <rPh sb="3" eb="4">
      <t>チョウ</t>
    </rPh>
    <phoneticPr fontId="8"/>
  </si>
  <si>
    <t>100超～250… 270</t>
    <rPh sb="3" eb="4">
      <t>チョウ</t>
    </rPh>
    <phoneticPr fontId="8"/>
  </si>
  <si>
    <t xml:space="preserve"> 50超～100… 203</t>
    <rPh sb="3" eb="4">
      <t>チョウ</t>
    </rPh>
    <phoneticPr fontId="8"/>
  </si>
  <si>
    <t>100超～   … 190</t>
    <rPh sb="3" eb="4">
      <t>チョウ</t>
    </rPh>
    <phoneticPr fontId="8"/>
  </si>
  <si>
    <t xml:space="preserve">  50超～ 100… 240</t>
    <rPh sb="4" eb="5">
      <t>チョウ</t>
    </rPh>
    <phoneticPr fontId="8"/>
  </si>
  <si>
    <t xml:space="preserve"> 50超～   … 280</t>
    <rPh sb="3" eb="4">
      <t>チョウ</t>
    </rPh>
    <phoneticPr fontId="8"/>
  </si>
  <si>
    <t>500超～   … 260</t>
    <rPh sb="3" eb="4">
      <t>チョウ</t>
    </rPh>
    <phoneticPr fontId="8"/>
  </si>
  <si>
    <t xml:space="preserve"> 200超～1000… 340</t>
    <rPh sb="4" eb="5">
      <t>チョウ</t>
    </rPh>
    <phoneticPr fontId="8"/>
  </si>
  <si>
    <t>3000超～    … 220</t>
    <rPh sb="4" eb="5">
      <t>チョウ</t>
    </rPh>
    <phoneticPr fontId="8"/>
  </si>
  <si>
    <t xml:space="preserve"> 50超～   … 220</t>
    <rPh sb="3" eb="4">
      <t>チョウ</t>
    </rPh>
    <phoneticPr fontId="8"/>
  </si>
  <si>
    <t xml:space="preserve">  50超～ 100… 210</t>
    <rPh sb="4" eb="5">
      <t>チョウ</t>
    </rPh>
    <phoneticPr fontId="8"/>
  </si>
  <si>
    <t>200超～   … 240</t>
    <rPh sb="3" eb="4">
      <t>チョウ</t>
    </rPh>
    <phoneticPr fontId="8"/>
  </si>
  <si>
    <t xml:space="preserve"> 100超～ 250… 320</t>
    <rPh sb="4" eb="5">
      <t>チョウ</t>
    </rPh>
    <phoneticPr fontId="8"/>
  </si>
  <si>
    <t>150超～300… 230</t>
    <rPh sb="3" eb="4">
      <t>チョウ</t>
    </rPh>
    <phoneticPr fontId="8"/>
  </si>
  <si>
    <t xml:space="preserve"> 50超～    … 330</t>
    <rPh sb="3" eb="4">
      <t>チョウ</t>
    </rPh>
    <phoneticPr fontId="8"/>
  </si>
  <si>
    <t>100超～500… 230</t>
    <rPh sb="3" eb="4">
      <t>チョウ</t>
    </rPh>
    <phoneticPr fontId="8"/>
  </si>
  <si>
    <t>100超～  300… 185</t>
    <rPh sb="3" eb="4">
      <t>チョウ</t>
    </rPh>
    <phoneticPr fontId="8"/>
  </si>
  <si>
    <t>150超～250… 300</t>
    <rPh sb="3" eb="4">
      <t>チョウ</t>
    </rPh>
    <phoneticPr fontId="8"/>
  </si>
  <si>
    <t xml:space="preserve"> 100超～1000… 320</t>
    <rPh sb="4" eb="5">
      <t>チョウ</t>
    </rPh>
    <phoneticPr fontId="8"/>
  </si>
  <si>
    <t>100超～   … 260</t>
    <rPh sb="3" eb="4">
      <t>チョウ</t>
    </rPh>
    <phoneticPr fontId="8"/>
  </si>
  <si>
    <t>120超～   … 255</t>
    <rPh sb="3" eb="4">
      <t>チョウ</t>
    </rPh>
    <phoneticPr fontId="8"/>
  </si>
  <si>
    <t>100超～150… 270</t>
    <rPh sb="3" eb="4">
      <t>チョウ</t>
    </rPh>
    <phoneticPr fontId="8"/>
  </si>
  <si>
    <t>100超～   … 300</t>
    <rPh sb="3" eb="4">
      <t>チョウ</t>
    </rPh>
    <phoneticPr fontId="8"/>
  </si>
  <si>
    <t>250超～   … 320</t>
    <rPh sb="3" eb="4">
      <t>チョウ</t>
    </rPh>
    <phoneticPr fontId="8"/>
  </si>
  <si>
    <t>100超～   … 238</t>
    <rPh sb="3" eb="4">
      <t>チョウ</t>
    </rPh>
    <phoneticPr fontId="8"/>
  </si>
  <si>
    <t xml:space="preserve"> 100超～ 500… 260</t>
    <rPh sb="4" eb="5">
      <t>チョウ</t>
    </rPh>
    <phoneticPr fontId="8"/>
  </si>
  <si>
    <t>150超～   … 310</t>
    <rPh sb="3" eb="4">
      <t>チョウ</t>
    </rPh>
    <phoneticPr fontId="8"/>
  </si>
  <si>
    <t xml:space="preserve"> 500超～1000… 200</t>
    <rPh sb="4" eb="5">
      <t>チョウ</t>
    </rPh>
    <phoneticPr fontId="8"/>
  </si>
  <si>
    <t>1000超～    … 370</t>
    <rPh sb="4" eb="5">
      <t>チョウ</t>
    </rPh>
    <phoneticPr fontId="8"/>
  </si>
  <si>
    <t xml:space="preserve"> 100超～    … 240</t>
    <rPh sb="4" eb="5">
      <t>チョウ</t>
    </rPh>
    <phoneticPr fontId="8"/>
  </si>
  <si>
    <t xml:space="preserve"> 250超～    … 420</t>
    <rPh sb="4" eb="5">
      <t>チョウ</t>
    </rPh>
    <phoneticPr fontId="8"/>
  </si>
  <si>
    <t>300超～500… 260</t>
    <rPh sb="3" eb="4">
      <t>チョウ</t>
    </rPh>
    <phoneticPr fontId="8"/>
  </si>
  <si>
    <t>500超～   … 250</t>
    <rPh sb="3" eb="4">
      <t>チョウ</t>
    </rPh>
    <phoneticPr fontId="8"/>
  </si>
  <si>
    <t>300超～  500… 215</t>
    <rPh sb="3" eb="4">
      <t>チョウ</t>
    </rPh>
    <phoneticPr fontId="8"/>
  </si>
  <si>
    <t>250超～   … 350</t>
    <rPh sb="3" eb="4">
      <t>チョウ</t>
    </rPh>
    <phoneticPr fontId="8"/>
  </si>
  <si>
    <t>1000超～    … 350</t>
    <rPh sb="4" eb="5">
      <t>チョウ</t>
    </rPh>
    <phoneticPr fontId="8"/>
  </si>
  <si>
    <t>150超～   … 330</t>
    <rPh sb="3" eb="4">
      <t>チョウ</t>
    </rPh>
    <phoneticPr fontId="8"/>
  </si>
  <si>
    <t xml:space="preserve"> 500超～1000… 270</t>
    <rPh sb="4" eb="5">
      <t>チョウ</t>
    </rPh>
    <phoneticPr fontId="8"/>
  </si>
  <si>
    <t>1000超～3000… 230</t>
    <rPh sb="4" eb="5">
      <t>チョウ</t>
    </rPh>
    <phoneticPr fontId="8"/>
  </si>
  <si>
    <t>500超～   … 280</t>
    <rPh sb="3" eb="4">
      <t>チョウ</t>
    </rPh>
    <phoneticPr fontId="8"/>
  </si>
  <si>
    <t xml:space="preserve"> 10超～ 40… 220</t>
    <rPh sb="3" eb="4">
      <t>チョウ</t>
    </rPh>
    <phoneticPr fontId="8"/>
  </si>
  <si>
    <t xml:space="preserve">  5超～   10… 100</t>
    <rPh sb="3" eb="4">
      <t>チョウ</t>
    </rPh>
    <phoneticPr fontId="8"/>
  </si>
  <si>
    <t xml:space="preserve"> 10超～ 20… 100</t>
    <rPh sb="3" eb="4">
      <t>チョウ</t>
    </rPh>
    <phoneticPr fontId="8"/>
  </si>
  <si>
    <t xml:space="preserve">  10超～  20… 160</t>
    <rPh sb="4" eb="5">
      <t>チョウ</t>
    </rPh>
    <phoneticPr fontId="8"/>
  </si>
  <si>
    <t xml:space="preserve"> 60超～500… 345</t>
    <rPh sb="3" eb="4">
      <t>コ</t>
    </rPh>
    <phoneticPr fontId="8"/>
  </si>
  <si>
    <t xml:space="preserve"> 40超～ 70… 240</t>
    <rPh sb="3" eb="4">
      <t>チョウ</t>
    </rPh>
    <phoneticPr fontId="8"/>
  </si>
  <si>
    <t xml:space="preserve">  10超～  50… 110</t>
    <rPh sb="4" eb="5">
      <t>チョウ</t>
    </rPh>
    <phoneticPr fontId="8"/>
  </si>
  <si>
    <t xml:space="preserve">  20超～  35… 180</t>
    <rPh sb="4" eb="5">
      <t>チョウ</t>
    </rPh>
    <phoneticPr fontId="8"/>
  </si>
  <si>
    <t xml:space="preserve">  50超～ 500… 330</t>
    <rPh sb="4" eb="5">
      <t>チョウ</t>
    </rPh>
    <phoneticPr fontId="8"/>
  </si>
  <si>
    <t>500超～   … 395</t>
    <rPh sb="3" eb="4">
      <t>コ</t>
    </rPh>
    <phoneticPr fontId="8"/>
  </si>
  <si>
    <t xml:space="preserve"> 70超～100… 270</t>
    <rPh sb="3" eb="4">
      <t>チョウ</t>
    </rPh>
    <phoneticPr fontId="8"/>
  </si>
  <si>
    <t xml:space="preserve"> 30超～ 75… 200</t>
    <rPh sb="3" eb="4">
      <t>チョウ</t>
    </rPh>
    <phoneticPr fontId="8"/>
  </si>
  <si>
    <t xml:space="preserve">  35超～  50… 260</t>
    <rPh sb="4" eb="5">
      <t>チョウ</t>
    </rPh>
    <phoneticPr fontId="8"/>
  </si>
  <si>
    <t xml:space="preserve"> 500超～1000… 340</t>
    <rPh sb="4" eb="5">
      <t>チョウ</t>
    </rPh>
    <phoneticPr fontId="8"/>
  </si>
  <si>
    <t>100超～   … 330</t>
    <rPh sb="3" eb="4">
      <t>チョウ</t>
    </rPh>
    <phoneticPr fontId="8"/>
  </si>
  <si>
    <t>300超～   … 350</t>
    <rPh sb="3" eb="4">
      <t>チョウ</t>
    </rPh>
    <phoneticPr fontId="8"/>
  </si>
  <si>
    <t xml:space="preserve"> 250超～3000… 210</t>
    <rPh sb="4" eb="5">
      <t>チョウ</t>
    </rPh>
    <phoneticPr fontId="8"/>
  </si>
  <si>
    <t xml:space="preserve"> 75超～   … 220</t>
    <rPh sb="3" eb="4">
      <t>チョウ</t>
    </rPh>
    <phoneticPr fontId="8"/>
  </si>
  <si>
    <t xml:space="preserve"> 50超～   … 265</t>
    <rPh sb="3" eb="4">
      <t>チョウ</t>
    </rPh>
    <phoneticPr fontId="8"/>
  </si>
  <si>
    <t xml:space="preserve">  50超～ 100… 320</t>
    <rPh sb="4" eb="5">
      <t>チョウ</t>
    </rPh>
    <phoneticPr fontId="8"/>
  </si>
  <si>
    <t xml:space="preserve"> 100超～ 250… 360</t>
    <rPh sb="4" eb="5">
      <t>チョウ</t>
    </rPh>
    <phoneticPr fontId="8"/>
  </si>
  <si>
    <t>3000超～5000… 270</t>
    <rPh sb="4" eb="5">
      <t>チョウ</t>
    </rPh>
    <phoneticPr fontId="8"/>
  </si>
  <si>
    <t>5000超～     …300</t>
    <rPh sb="4" eb="5">
      <t>チョウ</t>
    </rPh>
    <phoneticPr fontId="8"/>
  </si>
  <si>
    <t xml:space="preserve"> 10超～ 20… 175</t>
    <rPh sb="3" eb="4">
      <t>チョウ</t>
    </rPh>
    <phoneticPr fontId="8"/>
  </si>
  <si>
    <t xml:space="preserve"> 10超～ 40… 160</t>
    <rPh sb="3" eb="4">
      <t>チョウ</t>
    </rPh>
    <phoneticPr fontId="8"/>
  </si>
  <si>
    <t xml:space="preserve">  10超～  20… 180</t>
    <rPh sb="4" eb="5">
      <t>チョウ</t>
    </rPh>
    <phoneticPr fontId="8"/>
  </si>
  <si>
    <t xml:space="preserve"> 20超～ 40… 200</t>
    <rPh sb="3" eb="4">
      <t>チョウ</t>
    </rPh>
    <phoneticPr fontId="8"/>
  </si>
  <si>
    <t xml:space="preserve"> 300超～ 500… 330</t>
    <rPh sb="4" eb="5">
      <t>チョウ</t>
    </rPh>
    <phoneticPr fontId="8"/>
  </si>
  <si>
    <t xml:space="preserve"> 40超～ 80… 200</t>
    <rPh sb="3" eb="4">
      <t>チョウ</t>
    </rPh>
    <phoneticPr fontId="8"/>
  </si>
  <si>
    <t xml:space="preserve">  20超～  35… 220</t>
    <rPh sb="4" eb="5">
      <t>チョウ</t>
    </rPh>
    <phoneticPr fontId="8"/>
  </si>
  <si>
    <t xml:space="preserve"> 40超～ 70… 230</t>
    <rPh sb="3" eb="4">
      <t>チョウ</t>
    </rPh>
    <phoneticPr fontId="8"/>
  </si>
  <si>
    <t xml:space="preserve"> 500超～1000… 350</t>
    <rPh sb="4" eb="5">
      <t>チョウ</t>
    </rPh>
    <phoneticPr fontId="8"/>
  </si>
  <si>
    <t xml:space="preserve"> 80超～   … 240</t>
    <rPh sb="3" eb="4">
      <t>チョウ</t>
    </rPh>
    <phoneticPr fontId="8"/>
  </si>
  <si>
    <t xml:space="preserve"> 70超～100… 300</t>
    <rPh sb="3" eb="4">
      <t>チョウ</t>
    </rPh>
    <phoneticPr fontId="8"/>
  </si>
  <si>
    <t>1000超～1500… 380</t>
    <rPh sb="4" eb="5">
      <t>チョウ</t>
    </rPh>
    <phoneticPr fontId="8"/>
  </si>
  <si>
    <t>1500超～    … 400</t>
    <rPh sb="4" eb="5">
      <t>チョウ</t>
    </rPh>
    <phoneticPr fontId="8"/>
  </si>
  <si>
    <t xml:space="preserve"> 100超～ 250… 400</t>
    <rPh sb="4" eb="5">
      <t>チョウ</t>
    </rPh>
    <phoneticPr fontId="8"/>
  </si>
  <si>
    <t xml:space="preserve"> 250超～    … 440</t>
    <rPh sb="4" eb="5">
      <t>チョウ</t>
    </rPh>
    <phoneticPr fontId="8"/>
  </si>
  <si>
    <t>量水器
使用料
(円)</t>
    <rPh sb="0" eb="2">
      <t>リョウスイキ</t>
    </rPh>
    <rPh sb="2" eb="3">
      <t>キ</t>
    </rPh>
    <rPh sb="4" eb="6">
      <t>シヨウ</t>
    </rPh>
    <rPh sb="6" eb="7">
      <t>リョウ</t>
    </rPh>
    <rPh sb="9" eb="10">
      <t>エン</t>
    </rPh>
    <phoneticPr fontId="8"/>
  </si>
  <si>
    <t>－</t>
  </si>
  <si>
    <t>消費税の
料金転嫁方法</t>
    <rPh sb="0" eb="3">
      <t>ショウヒゼイ</t>
    </rPh>
    <rPh sb="5" eb="7">
      <t>リョウキン</t>
    </rPh>
    <rPh sb="7" eb="9">
      <t>テンカ</t>
    </rPh>
    <rPh sb="9" eb="11">
      <t>ホウホウ</t>
    </rPh>
    <phoneticPr fontId="8"/>
  </si>
  <si>
    <t>外税</t>
    <rPh sb="0" eb="1">
      <t>ソト</t>
    </rPh>
    <rPh sb="1" eb="2">
      <t>ゼイ</t>
    </rPh>
    <phoneticPr fontId="8"/>
  </si>
  <si>
    <t>内税</t>
    <rPh sb="0" eb="2">
      <t>ウチゼイ</t>
    </rPh>
    <phoneticPr fontId="8"/>
  </si>
  <si>
    <t>内税</t>
    <rPh sb="0" eb="1">
      <t>ウチ</t>
    </rPh>
    <rPh sb="1" eb="2">
      <t>ゼイ</t>
    </rPh>
    <phoneticPr fontId="8"/>
  </si>
  <si>
    <t>外税</t>
    <rPh sb="0" eb="2">
      <t>ソトゼイ</t>
    </rPh>
    <phoneticPr fontId="8"/>
  </si>
  <si>
    <t>加入金・分担金</t>
    <rPh sb="0" eb="2">
      <t>カニュウ</t>
    </rPh>
    <rPh sb="2" eb="3">
      <t>キン</t>
    </rPh>
    <rPh sb="4" eb="7">
      <t>ブンタンキン</t>
    </rPh>
    <phoneticPr fontId="8"/>
  </si>
  <si>
    <t>収益的収入</t>
    <rPh sb="0" eb="3">
      <t>シュウエキテキ</t>
    </rPh>
    <rPh sb="3" eb="5">
      <t>シュウニュウ</t>
    </rPh>
    <phoneticPr fontId="8"/>
  </si>
  <si>
    <t>口径</t>
    <rPh sb="0" eb="2">
      <t>コウケイ</t>
    </rPh>
    <phoneticPr fontId="8"/>
  </si>
  <si>
    <t>資本的収入</t>
    <rPh sb="0" eb="3">
      <t>シホンテキ</t>
    </rPh>
    <rPh sb="3" eb="5">
      <t>シュウニュウ</t>
    </rPh>
    <phoneticPr fontId="8"/>
  </si>
  <si>
    <t>＊上記の一部を資本的収入</t>
    <rPh sb="1" eb="3">
      <t>ジョウキ</t>
    </rPh>
    <rPh sb="4" eb="6">
      <t>イチブ</t>
    </rPh>
    <rPh sb="7" eb="10">
      <t>シホンテキ</t>
    </rPh>
    <rPh sb="10" eb="12">
      <t>シュウニュウ</t>
    </rPh>
    <phoneticPr fontId="8"/>
  </si>
  <si>
    <t>徴収金の名称</t>
    <rPh sb="0" eb="3">
      <t>チョウシュウキン</t>
    </rPh>
    <rPh sb="4" eb="6">
      <t>メイショウ</t>
    </rPh>
    <phoneticPr fontId="8"/>
  </si>
  <si>
    <t>分担金</t>
    <rPh sb="0" eb="3">
      <t>ブンタンキン</t>
    </rPh>
    <phoneticPr fontId="8"/>
  </si>
  <si>
    <t>加入金</t>
    <rPh sb="0" eb="2">
      <t>カニュウ</t>
    </rPh>
    <rPh sb="2" eb="3">
      <t>キン</t>
    </rPh>
    <phoneticPr fontId="8"/>
  </si>
  <si>
    <t>加入分担金</t>
    <rPh sb="0" eb="2">
      <t>カニュウ</t>
    </rPh>
    <rPh sb="2" eb="5">
      <t>ブンタンキン</t>
    </rPh>
    <phoneticPr fontId="8"/>
  </si>
  <si>
    <t>水道利用分担金</t>
    <rPh sb="0" eb="2">
      <t>スイドウ</t>
    </rPh>
    <rPh sb="2" eb="4">
      <t>リヨウ</t>
    </rPh>
    <rPh sb="4" eb="7">
      <t>ブンタンキン</t>
    </rPh>
    <phoneticPr fontId="8"/>
  </si>
  <si>
    <t>負担金</t>
    <rPh sb="0" eb="3">
      <t>フタンキン</t>
    </rPh>
    <phoneticPr fontId="8"/>
  </si>
  <si>
    <t>現行適用年月日</t>
    <rPh sb="0" eb="2">
      <t>ゲンコウ</t>
    </rPh>
    <rPh sb="2" eb="4">
      <t>テキヨウ</t>
    </rPh>
    <rPh sb="4" eb="7">
      <t>ネンガッピ</t>
    </rPh>
    <phoneticPr fontId="8"/>
  </si>
  <si>
    <t>徴収の根拠</t>
    <rPh sb="0" eb="2">
      <t>チョウシュウ</t>
    </rPh>
    <rPh sb="3" eb="5">
      <t>コンキョ</t>
    </rPh>
    <phoneticPr fontId="8"/>
  </si>
  <si>
    <t>条例</t>
    <rPh sb="0" eb="2">
      <t>ジョウレイ</t>
    </rPh>
    <phoneticPr fontId="8"/>
  </si>
  <si>
    <t>給水条例</t>
    <rPh sb="0" eb="2">
      <t>キュウスイ</t>
    </rPh>
    <rPh sb="2" eb="4">
      <t>ジョウレイ</t>
    </rPh>
    <phoneticPr fontId="8"/>
  </si>
  <si>
    <t>その他条例</t>
    <rPh sb="0" eb="3">
      <t>ソノタ</t>
    </rPh>
    <rPh sb="3" eb="5">
      <t>ジョウレイ</t>
    </rPh>
    <phoneticPr fontId="8"/>
  </si>
  <si>
    <t>規則</t>
    <rPh sb="0" eb="2">
      <t>キソク</t>
    </rPh>
    <phoneticPr fontId="8"/>
  </si>
  <si>
    <t>20㎥当たり(13㎜)</t>
    <rPh sb="2" eb="3">
      <t>ア</t>
    </rPh>
    <phoneticPr fontId="3"/>
  </si>
  <si>
    <t>企業債償還金に係る繰上償還金分</t>
    <rPh sb="0" eb="2">
      <t>キギョウ</t>
    </rPh>
    <rPh sb="2" eb="3">
      <t>サイ</t>
    </rPh>
    <rPh sb="3" eb="6">
      <t>ショウカンキン</t>
    </rPh>
    <rPh sb="7" eb="8">
      <t>カカワ</t>
    </rPh>
    <rPh sb="9" eb="10">
      <t>ク</t>
    </rPh>
    <rPh sb="10" eb="11">
      <t>ア</t>
    </rPh>
    <rPh sb="11" eb="13">
      <t>ショウカン</t>
    </rPh>
    <rPh sb="13" eb="14">
      <t>キン</t>
    </rPh>
    <rPh sb="14" eb="15">
      <t>ブン</t>
    </rPh>
    <phoneticPr fontId="4"/>
  </si>
  <si>
    <t>資本費単価</t>
    <rPh sb="0" eb="2">
      <t>シホン</t>
    </rPh>
    <rPh sb="2" eb="3">
      <t>ヒ</t>
    </rPh>
    <rPh sb="3" eb="5">
      <t>タンカ</t>
    </rPh>
    <phoneticPr fontId="6"/>
  </si>
  <si>
    <t>越谷・松伏水道</t>
    <phoneticPr fontId="4"/>
  </si>
  <si>
    <t>企業団</t>
    <phoneticPr fontId="3"/>
  </si>
  <si>
    <t>桶川北本水道</t>
    <phoneticPr fontId="4"/>
  </si>
  <si>
    <t>坂戸、鶴ケ島</t>
    <phoneticPr fontId="4"/>
  </si>
  <si>
    <t>水道企業団</t>
    <phoneticPr fontId="3"/>
  </si>
  <si>
    <t>繰出基準の事由以外の繰入</t>
    <rPh sb="0" eb="2">
      <t>クリダシ</t>
    </rPh>
    <rPh sb="2" eb="4">
      <t>キジュン</t>
    </rPh>
    <rPh sb="5" eb="7">
      <t>ジユウ</t>
    </rPh>
    <rPh sb="7" eb="9">
      <t>イガイ</t>
    </rPh>
    <rPh sb="10" eb="12">
      <t>クリイレ</t>
    </rPh>
    <phoneticPr fontId="4"/>
  </si>
  <si>
    <t>未収金・未収収益</t>
    <rPh sb="0" eb="3">
      <t>ミシュウキン</t>
    </rPh>
    <rPh sb="4" eb="6">
      <t>ミシュウ</t>
    </rPh>
    <rPh sb="6" eb="8">
      <t>シュウエキ</t>
    </rPh>
    <phoneticPr fontId="7"/>
  </si>
  <si>
    <t>未払金・未払費用</t>
    <rPh sb="0" eb="1">
      <t>ミ</t>
    </rPh>
    <rPh sb="1" eb="2">
      <t>バラ</t>
    </rPh>
    <rPh sb="2" eb="3">
      <t>キン</t>
    </rPh>
    <rPh sb="4" eb="6">
      <t>ミバラ</t>
    </rPh>
    <rPh sb="6" eb="8">
      <t>ヒヨウ</t>
    </rPh>
    <phoneticPr fontId="4"/>
  </si>
  <si>
    <t>前受金・前受収益</t>
    <rPh sb="0" eb="3">
      <t>マエウケキン</t>
    </rPh>
    <rPh sb="4" eb="6">
      <t>マエウケ</t>
    </rPh>
    <rPh sb="6" eb="8">
      <t>シュウエキ</t>
    </rPh>
    <phoneticPr fontId="4"/>
  </si>
  <si>
    <t>計</t>
    <phoneticPr fontId="4"/>
  </si>
  <si>
    <t>その他有価証券評価差額金</t>
    <rPh sb="2" eb="3">
      <t>タ</t>
    </rPh>
    <rPh sb="3" eb="5">
      <t>ユウカ</t>
    </rPh>
    <rPh sb="5" eb="7">
      <t>ショウケン</t>
    </rPh>
    <rPh sb="7" eb="9">
      <t>ヒョウカ</t>
    </rPh>
    <rPh sb="9" eb="11">
      <t>サガク</t>
    </rPh>
    <rPh sb="11" eb="12">
      <t>キン</t>
    </rPh>
    <phoneticPr fontId="4"/>
  </si>
  <si>
    <t>財政融資資金</t>
    <rPh sb="0" eb="2">
      <t>ザイセイ</t>
    </rPh>
    <rPh sb="2" eb="4">
      <t>ユウシ</t>
    </rPh>
    <rPh sb="4" eb="6">
      <t>シキン</t>
    </rPh>
    <phoneticPr fontId="4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4"/>
  </si>
  <si>
    <t>長期前受金</t>
    <rPh sb="0" eb="2">
      <t>チョウキ</t>
    </rPh>
    <rPh sb="2" eb="4">
      <t>マエウケ</t>
    </rPh>
    <rPh sb="4" eb="5">
      <t>キン</t>
    </rPh>
    <phoneticPr fontId="4"/>
  </si>
  <si>
    <t>キャッシュ・フロー計算書に関する調</t>
    <rPh sb="9" eb="12">
      <t>ケイサンショ</t>
    </rPh>
    <rPh sb="13" eb="14">
      <t>カン</t>
    </rPh>
    <rPh sb="16" eb="17">
      <t>シラ</t>
    </rPh>
    <phoneticPr fontId="4"/>
  </si>
  <si>
    <t>秩父広域</t>
    <rPh sb="0" eb="2">
      <t>チチブ</t>
    </rPh>
    <rPh sb="2" eb="4">
      <t>コウイキ</t>
    </rPh>
    <phoneticPr fontId="3"/>
  </si>
  <si>
    <t>市町村圏組合</t>
    <rPh sb="0" eb="3">
      <t>シチョウソン</t>
    </rPh>
    <rPh sb="3" eb="4">
      <t>ケン</t>
    </rPh>
    <rPh sb="4" eb="6">
      <t>クミアイ</t>
    </rPh>
    <phoneticPr fontId="3"/>
  </si>
  <si>
    <t>秩父広域</t>
    <rPh sb="0" eb="2">
      <t>チチブ</t>
    </rPh>
    <rPh sb="2" eb="4">
      <t>コウイキ</t>
    </rPh>
    <phoneticPr fontId="4"/>
  </si>
  <si>
    <t>市町村圏組合</t>
    <rPh sb="0" eb="3">
      <t>シチョウソン</t>
    </rPh>
    <rPh sb="3" eb="4">
      <t>ケン</t>
    </rPh>
    <rPh sb="4" eb="6">
      <t>クミアイ</t>
    </rPh>
    <phoneticPr fontId="3"/>
  </si>
  <si>
    <t>経営の健全性効率性</t>
    <rPh sb="0" eb="2">
      <t>ケイエイ</t>
    </rPh>
    <rPh sb="3" eb="6">
      <t>ケンゼンセイ</t>
    </rPh>
    <rPh sb="6" eb="9">
      <t>コウリツセイ</t>
    </rPh>
    <phoneticPr fontId="4"/>
  </si>
  <si>
    <t>老朽化の状況</t>
    <rPh sb="0" eb="3">
      <t>ロウキュウカ</t>
    </rPh>
    <rPh sb="4" eb="6">
      <t>ジョウキョウ</t>
    </rPh>
    <phoneticPr fontId="3"/>
  </si>
  <si>
    <t>流動比率(%)</t>
    <rPh sb="0" eb="2">
      <t>リュウドウ</t>
    </rPh>
    <rPh sb="2" eb="4">
      <t>ヒリツ</t>
    </rPh>
    <phoneticPr fontId="3"/>
  </si>
  <si>
    <t>施設利用率(%)</t>
    <rPh sb="0" eb="2">
      <t>シセツ</t>
    </rPh>
    <rPh sb="2" eb="5">
      <t>リヨウリツ</t>
    </rPh>
    <phoneticPr fontId="3"/>
  </si>
  <si>
    <t>管路経年化率(%)</t>
    <rPh sb="0" eb="2">
      <t>カンロ</t>
    </rPh>
    <rPh sb="2" eb="5">
      <t>ケイネンカ</t>
    </rPh>
    <rPh sb="5" eb="6">
      <t>リツ</t>
    </rPh>
    <phoneticPr fontId="3"/>
  </si>
  <si>
    <t>管路更新率(%)</t>
    <rPh sb="0" eb="2">
      <t>カンロ</t>
    </rPh>
    <rPh sb="2" eb="4">
      <t>コウシン</t>
    </rPh>
    <rPh sb="4" eb="5">
      <t>リツ</t>
    </rPh>
    <phoneticPr fontId="3"/>
  </si>
  <si>
    <t xml:space="preserve">経常損失　　 〃 </t>
    <phoneticPr fontId="3"/>
  </si>
  <si>
    <t>純損失　　　〃</t>
    <phoneticPr fontId="3"/>
  </si>
  <si>
    <t>減価償却累計額</t>
    <rPh sb="6" eb="7">
      <t>ガク</t>
    </rPh>
    <phoneticPr fontId="3"/>
  </si>
  <si>
    <t>うちリース資産減価償却累計額</t>
    <rPh sb="5" eb="7">
      <t>シサン</t>
    </rPh>
    <rPh sb="7" eb="9">
      <t>ゲンカ</t>
    </rPh>
    <rPh sb="9" eb="11">
      <t>ショウキャク</t>
    </rPh>
    <rPh sb="11" eb="13">
      <t>ルイケイ</t>
    </rPh>
    <rPh sb="13" eb="14">
      <t>ガク</t>
    </rPh>
    <phoneticPr fontId="4"/>
  </si>
  <si>
    <t>貸倒引当金</t>
    <rPh sb="0" eb="1">
      <t>カ</t>
    </rPh>
    <rPh sb="1" eb="2">
      <t>タオ</t>
    </rPh>
    <rPh sb="2" eb="4">
      <t>ヒキアテ</t>
    </rPh>
    <rPh sb="4" eb="5">
      <t>キン</t>
    </rPh>
    <phoneticPr fontId="4"/>
  </si>
  <si>
    <t>長期前受金収益化累計額</t>
    <rPh sb="0" eb="2">
      <t>チョウキ</t>
    </rPh>
    <rPh sb="2" eb="5">
      <t>マエウケキン</t>
    </rPh>
    <rPh sb="5" eb="8">
      <t>シュウエキカ</t>
    </rPh>
    <rPh sb="8" eb="10">
      <t>ルイケイ</t>
    </rPh>
    <rPh sb="10" eb="11">
      <t>ガク</t>
    </rPh>
    <phoneticPr fontId="4"/>
  </si>
  <si>
    <t>当年度未処理欠損金</t>
    <phoneticPr fontId="3"/>
  </si>
  <si>
    <t>当年度純損失</t>
    <phoneticPr fontId="4"/>
  </si>
  <si>
    <t>経常損失</t>
    <phoneticPr fontId="4"/>
  </si>
  <si>
    <t>不足額(f)</t>
    <rPh sb="0" eb="2">
      <t>フソク</t>
    </rPh>
    <rPh sb="2" eb="3">
      <t>ガク</t>
    </rPh>
    <phoneticPr fontId="4"/>
  </si>
  <si>
    <t>補てん財源不足額(f)-(g)</t>
    <rPh sb="0" eb="1">
      <t>ホ</t>
    </rPh>
    <rPh sb="3" eb="5">
      <t>ザイゲン</t>
    </rPh>
    <rPh sb="5" eb="7">
      <t>フソク</t>
    </rPh>
    <rPh sb="7" eb="8">
      <t>ガク</t>
    </rPh>
    <phoneticPr fontId="4"/>
  </si>
  <si>
    <t>企業債残高対給水収益比率(%)</t>
    <rPh sb="0" eb="2">
      <t>キギョウ</t>
    </rPh>
    <rPh sb="2" eb="3">
      <t>サイ</t>
    </rPh>
    <rPh sb="3" eb="5">
      <t>ザンダカ</t>
    </rPh>
    <rPh sb="5" eb="6">
      <t>タイ</t>
    </rPh>
    <rPh sb="6" eb="8">
      <t>キュウスイ</t>
    </rPh>
    <rPh sb="8" eb="10">
      <t>シュウエキ</t>
    </rPh>
    <rPh sb="10" eb="12">
      <t>ヒリツ</t>
    </rPh>
    <phoneticPr fontId="3"/>
  </si>
  <si>
    <t>有形固定資減価償却率(%)</t>
    <rPh sb="0" eb="2">
      <t>ユウケイ</t>
    </rPh>
    <rPh sb="2" eb="4">
      <t>コテイ</t>
    </rPh>
    <rPh sb="4" eb="5">
      <t>シ</t>
    </rPh>
    <rPh sb="5" eb="7">
      <t>ゲンカ</t>
    </rPh>
    <rPh sb="7" eb="9">
      <t>ショウキャク</t>
    </rPh>
    <rPh sb="9" eb="10">
      <t>リツ</t>
    </rPh>
    <phoneticPr fontId="3"/>
  </si>
  <si>
    <t>　　　　　　　団体名
　区分</t>
    <phoneticPr fontId="7"/>
  </si>
  <si>
    <t>蕨市</t>
    <phoneticPr fontId="8"/>
  </si>
  <si>
    <t>秩父広域市町村圏組合</t>
    <rPh sb="0" eb="2">
      <t>チチブ</t>
    </rPh>
    <rPh sb="2" eb="4">
      <t>コウイキ</t>
    </rPh>
    <rPh sb="4" eb="7">
      <t>シチョウソン</t>
    </rPh>
    <rPh sb="7" eb="8">
      <t>ケン</t>
    </rPh>
    <rPh sb="8" eb="10">
      <t>クミアイ</t>
    </rPh>
    <phoneticPr fontId="8"/>
  </si>
  <si>
    <t>13mm</t>
    <phoneticPr fontId="8"/>
  </si>
  <si>
    <t>～</t>
    <phoneticPr fontId="8"/>
  </si>
  <si>
    <t>25mm</t>
    <phoneticPr fontId="8"/>
  </si>
  <si>
    <t>20mm</t>
    <phoneticPr fontId="8"/>
  </si>
  <si>
    <t>30mm</t>
    <phoneticPr fontId="8"/>
  </si>
  <si>
    <t>40mm</t>
    <phoneticPr fontId="8"/>
  </si>
  <si>
    <t>プール</t>
    <phoneticPr fontId="8"/>
  </si>
  <si>
    <t>50mm</t>
    <phoneticPr fontId="8"/>
  </si>
  <si>
    <t>営業</t>
    <phoneticPr fontId="7"/>
  </si>
  <si>
    <t>75mm</t>
    <phoneticPr fontId="8"/>
  </si>
  <si>
    <t>公衆浴場</t>
    <rPh sb="0" eb="2">
      <t>コウシュウ</t>
    </rPh>
    <rPh sb="2" eb="4">
      <t>ヨクジョウ</t>
    </rPh>
    <phoneticPr fontId="3"/>
  </si>
  <si>
    <t>100mm</t>
    <phoneticPr fontId="8"/>
  </si>
  <si>
    <t>臨時</t>
    <rPh sb="0" eb="2">
      <t>リンジ</t>
    </rPh>
    <phoneticPr fontId="3"/>
  </si>
  <si>
    <t>150mm</t>
    <phoneticPr fontId="8"/>
  </si>
  <si>
    <t xml:space="preserve">   0  ～  10…  60</t>
    <phoneticPr fontId="8"/>
  </si>
  <si>
    <t xml:space="preserve">  0  ～ 10…  50</t>
    <phoneticPr fontId="8"/>
  </si>
  <si>
    <t xml:space="preserve"> 10超～ 20… 170</t>
    <rPh sb="3" eb="4">
      <t>チョウ</t>
    </rPh>
    <phoneticPr fontId="8"/>
  </si>
  <si>
    <t xml:space="preserve"> 10超～ 20… 110</t>
    <rPh sb="3" eb="4">
      <t>チョウ</t>
    </rPh>
    <phoneticPr fontId="8"/>
  </si>
  <si>
    <t xml:space="preserve">  0  ～   10…  78</t>
    <phoneticPr fontId="8"/>
  </si>
  <si>
    <t>100超～150… 300</t>
    <rPh sb="3" eb="4">
      <t>チョウ</t>
    </rPh>
    <phoneticPr fontId="8"/>
  </si>
  <si>
    <t>500超～15,000…250</t>
    <rPh sb="3" eb="4">
      <t>チョウ</t>
    </rPh>
    <phoneticPr fontId="8"/>
  </si>
  <si>
    <t>15,000超～  … 200</t>
    <rPh sb="6" eb="7">
      <t>チョウ</t>
    </rPh>
    <phoneticPr fontId="8"/>
  </si>
  <si>
    <t>公衆</t>
    <rPh sb="0" eb="2">
      <t>コウシュウ</t>
    </rPh>
    <phoneticPr fontId="3"/>
  </si>
  <si>
    <t xml:space="preserve"> 50超～100… 240</t>
    <rPh sb="3" eb="4">
      <t>チョウ</t>
    </rPh>
    <phoneticPr fontId="8"/>
  </si>
  <si>
    <t>浴場用</t>
    <rPh sb="0" eb="3">
      <t>ヨクジョウヨウ</t>
    </rPh>
    <phoneticPr fontId="3"/>
  </si>
  <si>
    <t>100超～200… 320</t>
    <rPh sb="3" eb="4">
      <t>チョウ</t>
    </rPh>
    <phoneticPr fontId="8"/>
  </si>
  <si>
    <t>200超～300… 340</t>
    <rPh sb="3" eb="4">
      <t>チョウ</t>
    </rPh>
    <phoneticPr fontId="8"/>
  </si>
  <si>
    <t>学校</t>
    <rPh sb="0" eb="2">
      <t>ガッコウ</t>
    </rPh>
    <phoneticPr fontId="15"/>
  </si>
  <si>
    <t xml:space="preserve">臨時
</t>
    <rPh sb="0" eb="1">
      <t>ノゾム</t>
    </rPh>
    <rPh sb="1" eb="2">
      <t>トキ</t>
    </rPh>
    <phoneticPr fontId="3"/>
  </si>
  <si>
    <t xml:space="preserve"> 100超～ 300… 320</t>
    <rPh sb="4" eb="5">
      <t>チョウ</t>
    </rPh>
    <phoneticPr fontId="8"/>
  </si>
  <si>
    <t>－</t>
    <phoneticPr fontId="8"/>
  </si>
  <si>
    <t>市長が別に定める</t>
    <rPh sb="0" eb="2">
      <t>シチョウ</t>
    </rPh>
    <rPh sb="3" eb="4">
      <t>ベツ</t>
    </rPh>
    <rPh sb="5" eb="6">
      <t>サダ</t>
    </rPh>
    <phoneticPr fontId="8"/>
  </si>
  <si>
    <t>200mm</t>
    <phoneticPr fontId="8"/>
  </si>
  <si>
    <t>○</t>
    <phoneticPr fontId="8"/>
  </si>
  <si>
    <t>16mm</t>
  </si>
  <si>
    <t xml:space="preserve"> </t>
  </si>
  <si>
    <t>50mm</t>
    <phoneticPr fontId="3"/>
  </si>
  <si>
    <t>100mm</t>
  </si>
  <si>
    <t>　</t>
  </si>
  <si>
    <t>75mm</t>
    <phoneticPr fontId="3"/>
  </si>
  <si>
    <t>150mm</t>
  </si>
  <si>
    <t xml:space="preserve">  0  ～  8…  60</t>
  </si>
  <si>
    <t xml:space="preserve"> 10超～ 15… 176</t>
    <rPh sb="3" eb="4">
      <t>チョウ</t>
    </rPh>
    <phoneticPr fontId="8"/>
  </si>
  <si>
    <t xml:space="preserve">  10超～  20… 173.8</t>
    <rPh sb="4" eb="5">
      <t>チョウ</t>
    </rPh>
    <phoneticPr fontId="8"/>
  </si>
  <si>
    <t xml:space="preserve">  6超～ 10…  11</t>
    <rPh sb="3" eb="4">
      <t>チョウ</t>
    </rPh>
    <phoneticPr fontId="8"/>
  </si>
  <si>
    <t xml:space="preserve">   0  ～  10…  60</t>
  </si>
  <si>
    <t xml:space="preserve">  0  ～ 10…  50</t>
  </si>
  <si>
    <t xml:space="preserve">  0  ～ 10… 110</t>
  </si>
  <si>
    <t xml:space="preserve">  0  ～ 10…  45</t>
  </si>
  <si>
    <t xml:space="preserve">  8超～ 20… 150</t>
    <rPh sb="3" eb="4">
      <t>チョウ</t>
    </rPh>
    <phoneticPr fontId="17"/>
  </si>
  <si>
    <t xml:space="preserve">  0  ～ 5 … 55.00</t>
  </si>
  <si>
    <t xml:space="preserve">  1  ～ 10…  50</t>
  </si>
  <si>
    <t xml:space="preserve">  0  ～ 10…  75</t>
  </si>
  <si>
    <t xml:space="preserve">  0  ～  10…  60</t>
    <phoneticPr fontId="3"/>
  </si>
  <si>
    <t xml:space="preserve">  0  ～ 10…  64</t>
  </si>
  <si>
    <t xml:space="preserve">  0  ～ 10…  58</t>
  </si>
  <si>
    <t xml:space="preserve">  1  ～ 10…  5</t>
    <phoneticPr fontId="3"/>
  </si>
  <si>
    <t xml:space="preserve">  0  ～ 10…  66</t>
  </si>
  <si>
    <t xml:space="preserve">  0 ～   5…  16</t>
    <phoneticPr fontId="3"/>
  </si>
  <si>
    <t xml:space="preserve">  5超～ 10…  50</t>
    <rPh sb="3" eb="4">
      <t>チョウ</t>
    </rPh>
    <phoneticPr fontId="8"/>
  </si>
  <si>
    <t>一般</t>
    <rPh sb="0" eb="2">
      <t>イッパン</t>
    </rPh>
    <phoneticPr fontId="3"/>
  </si>
  <si>
    <t xml:space="preserve"> 10超～  20… 117</t>
    <rPh sb="3" eb="4">
      <t>チョウ</t>
    </rPh>
    <phoneticPr fontId="8"/>
  </si>
  <si>
    <t xml:space="preserve">  0  ～ 10…  70</t>
  </si>
  <si>
    <t xml:space="preserve">  8超～ 15…  85</t>
    <rPh sb="3" eb="4">
      <t>チョウ</t>
    </rPh>
    <phoneticPr fontId="3"/>
  </si>
  <si>
    <t xml:space="preserve"> 15超～ 20… 187</t>
    <rPh sb="3" eb="4">
      <t>チョウ</t>
    </rPh>
    <phoneticPr fontId="8"/>
  </si>
  <si>
    <t xml:space="preserve">  20超～  50… 281.6</t>
    <rPh sb="4" eb="5">
      <t>チョウ</t>
    </rPh>
    <phoneticPr fontId="8"/>
  </si>
  <si>
    <t xml:space="preserve"> 10超～ 20… 159</t>
    <rPh sb="3" eb="4">
      <t>チョウ</t>
    </rPh>
    <phoneticPr fontId="8"/>
  </si>
  <si>
    <t xml:space="preserve"> 10超～ 20… 132</t>
    <rPh sb="3" eb="4">
      <t>チョウ</t>
    </rPh>
    <phoneticPr fontId="8"/>
  </si>
  <si>
    <t xml:space="preserve"> 20超～ 30… 170</t>
    <rPh sb="3" eb="4">
      <t>チョウ</t>
    </rPh>
    <phoneticPr fontId="17"/>
  </si>
  <si>
    <t xml:space="preserve">  5超～ 10… 77.00</t>
  </si>
  <si>
    <t xml:space="preserve"> 10超～  20… 100</t>
    <rPh sb="3" eb="4">
      <t>チョウ</t>
    </rPh>
    <phoneticPr fontId="8"/>
  </si>
  <si>
    <t xml:space="preserve"> 10超～ 20…  99</t>
    <rPh sb="3" eb="4">
      <t>チョウ</t>
    </rPh>
    <phoneticPr fontId="8"/>
  </si>
  <si>
    <t xml:space="preserve">  5超～ 10…  20</t>
    <rPh sb="3" eb="4">
      <t>チョウ</t>
    </rPh>
    <phoneticPr fontId="8"/>
  </si>
  <si>
    <t xml:space="preserve">  10超～  50… 117</t>
    <rPh sb="4" eb="5">
      <t>チョウ</t>
    </rPh>
    <phoneticPr fontId="8"/>
  </si>
  <si>
    <t xml:space="preserve"> 20超～  30… 136</t>
    <rPh sb="3" eb="4">
      <t>チョウ</t>
    </rPh>
    <phoneticPr fontId="8"/>
  </si>
  <si>
    <t>～</t>
    <phoneticPr fontId="3"/>
  </si>
  <si>
    <t xml:space="preserve"> 20超～ 40… 231</t>
    <rPh sb="3" eb="4">
      <t>チョウ</t>
    </rPh>
    <phoneticPr fontId="8"/>
  </si>
  <si>
    <t xml:space="preserve">  50超～ 100… 330</t>
    <rPh sb="4" eb="5">
      <t>チョウ</t>
    </rPh>
    <phoneticPr fontId="8"/>
  </si>
  <si>
    <t xml:space="preserve"> 20超～ 50… 167</t>
    <rPh sb="3" eb="4">
      <t>チョウ</t>
    </rPh>
    <phoneticPr fontId="8"/>
  </si>
  <si>
    <t xml:space="preserve"> 20超～ 30… 165</t>
    <rPh sb="3" eb="4">
      <t>チョウ</t>
    </rPh>
    <phoneticPr fontId="8"/>
  </si>
  <si>
    <t xml:space="preserve"> 30超～ 40… 180</t>
    <rPh sb="3" eb="4">
      <t>チョウ</t>
    </rPh>
    <phoneticPr fontId="17"/>
  </si>
  <si>
    <t xml:space="preserve"> 10超～ 20…162.80</t>
    <rPh sb="3" eb="4">
      <t>チョウ</t>
    </rPh>
    <phoneticPr fontId="8"/>
  </si>
  <si>
    <t xml:space="preserve"> 20超～  50… 130</t>
    <rPh sb="3" eb="4">
      <t>チョウ</t>
    </rPh>
    <phoneticPr fontId="8"/>
  </si>
  <si>
    <t xml:space="preserve"> 20超～ 50… 143</t>
    <rPh sb="3" eb="4">
      <t>チョウ</t>
    </rPh>
    <phoneticPr fontId="8"/>
  </si>
  <si>
    <t xml:space="preserve"> 10超～ 20… 122</t>
    <rPh sb="3" eb="4">
      <t>チョウ</t>
    </rPh>
    <phoneticPr fontId="8"/>
  </si>
  <si>
    <t xml:space="preserve">  50超～ 500… 141</t>
    <rPh sb="4" eb="5">
      <t>チョウ</t>
    </rPh>
    <phoneticPr fontId="8"/>
  </si>
  <si>
    <t xml:space="preserve"> 30超～  40… 156</t>
    <rPh sb="3" eb="4">
      <t>チョウ</t>
    </rPh>
    <phoneticPr fontId="8"/>
  </si>
  <si>
    <t xml:space="preserve"> 40超～ 50… 242</t>
    <rPh sb="3" eb="4">
      <t>チョウ</t>
    </rPh>
    <phoneticPr fontId="8"/>
  </si>
  <si>
    <t xml:space="preserve"> 100超～ 200… 376.2</t>
    <rPh sb="4" eb="5">
      <t>チョウ</t>
    </rPh>
    <phoneticPr fontId="8"/>
  </si>
  <si>
    <t xml:space="preserve"> 50超～100… 191</t>
    <rPh sb="3" eb="4">
      <t>チョウ</t>
    </rPh>
    <phoneticPr fontId="8"/>
  </si>
  <si>
    <t xml:space="preserve"> 30超～ 50… 198</t>
    <rPh sb="3" eb="4">
      <t>チョウ</t>
    </rPh>
    <phoneticPr fontId="8"/>
  </si>
  <si>
    <t xml:space="preserve"> 30超～ 50… 215</t>
    <rPh sb="3" eb="4">
      <t>チョウ</t>
    </rPh>
    <phoneticPr fontId="8"/>
  </si>
  <si>
    <t xml:space="preserve"> 40超～100… 190</t>
    <rPh sb="3" eb="4">
      <t>チョウ</t>
    </rPh>
    <phoneticPr fontId="17"/>
  </si>
  <si>
    <t xml:space="preserve"> 20超～ 50…183.70</t>
    <rPh sb="3" eb="4">
      <t>チョウ</t>
    </rPh>
    <phoneticPr fontId="8"/>
  </si>
  <si>
    <t xml:space="preserve"> 50超～ 100… 175</t>
    <rPh sb="3" eb="4">
      <t>チョウ</t>
    </rPh>
    <phoneticPr fontId="8"/>
  </si>
  <si>
    <t xml:space="preserve"> 30超～ 40… 240</t>
    <rPh sb="3" eb="4">
      <t>チョウ</t>
    </rPh>
    <phoneticPr fontId="8"/>
  </si>
  <si>
    <t xml:space="preserve"> 50超～100… 154</t>
    <rPh sb="3" eb="4">
      <t>チョウ</t>
    </rPh>
    <phoneticPr fontId="8"/>
  </si>
  <si>
    <t xml:space="preserve"> 20超～ 30… 147</t>
    <rPh sb="3" eb="4">
      <t>チョウ</t>
    </rPh>
    <phoneticPr fontId="8"/>
  </si>
  <si>
    <t xml:space="preserve"> 500超～1000… 152</t>
    <rPh sb="4" eb="5">
      <t>チョウ</t>
    </rPh>
    <phoneticPr fontId="8"/>
  </si>
  <si>
    <t xml:space="preserve"> 40超～  50… 176</t>
    <rPh sb="3" eb="4">
      <t>チョウ</t>
    </rPh>
    <phoneticPr fontId="8"/>
  </si>
  <si>
    <t xml:space="preserve"> 50超～ …   253</t>
    <rPh sb="3" eb="4">
      <t>チョウ</t>
    </rPh>
    <phoneticPr fontId="8"/>
  </si>
  <si>
    <t xml:space="preserve"> 200超～    … 422.4</t>
    <rPh sb="4" eb="5">
      <t>チョウ</t>
    </rPh>
    <phoneticPr fontId="8"/>
  </si>
  <si>
    <t>100超～500… 215</t>
    <rPh sb="3" eb="4">
      <t>チョウ</t>
    </rPh>
    <phoneticPr fontId="8"/>
  </si>
  <si>
    <t xml:space="preserve"> 50超～100… 242</t>
    <rPh sb="3" eb="4">
      <t>チョウ</t>
    </rPh>
    <phoneticPr fontId="8"/>
  </si>
  <si>
    <t xml:space="preserve"> 50超～500… 270</t>
    <rPh sb="3" eb="4">
      <t>チョウ</t>
    </rPh>
    <phoneticPr fontId="8"/>
  </si>
  <si>
    <t>100超～   … 200</t>
    <rPh sb="3" eb="4">
      <t>チョウ</t>
    </rPh>
    <phoneticPr fontId="17"/>
  </si>
  <si>
    <t xml:space="preserve"> 50超～100…194.70</t>
    <rPh sb="3" eb="4">
      <t>チョウ</t>
    </rPh>
    <phoneticPr fontId="8"/>
  </si>
  <si>
    <t xml:space="preserve"> 100超～500… 215</t>
    <rPh sb="4" eb="5">
      <t>チョウ</t>
    </rPh>
    <phoneticPr fontId="8"/>
  </si>
  <si>
    <t xml:space="preserve"> 40超～ 50… 275</t>
    <rPh sb="3" eb="4">
      <t>チョウ</t>
    </rPh>
    <phoneticPr fontId="8"/>
  </si>
  <si>
    <t>100超～   … 165</t>
    <rPh sb="3" eb="4">
      <t>チョウ</t>
    </rPh>
    <phoneticPr fontId="8"/>
  </si>
  <si>
    <t xml:space="preserve"> 30超～ 50… 174</t>
    <rPh sb="3" eb="4">
      <t>チョウ</t>
    </rPh>
    <phoneticPr fontId="8"/>
  </si>
  <si>
    <t>1000超～2000… 170</t>
    <rPh sb="4" eb="5">
      <t>チョウ</t>
    </rPh>
    <phoneticPr fontId="3"/>
  </si>
  <si>
    <t xml:space="preserve"> 50超～    … 188</t>
    <rPh sb="3" eb="4">
      <t>チョウ</t>
    </rPh>
    <phoneticPr fontId="8"/>
  </si>
  <si>
    <t>500超～   … 239</t>
    <rPh sb="3" eb="4">
      <t>チョウ</t>
    </rPh>
    <phoneticPr fontId="8"/>
  </si>
  <si>
    <t>100超～   … 298</t>
    <rPh sb="3" eb="4">
      <t>チョウ</t>
    </rPh>
    <phoneticPr fontId="8"/>
  </si>
  <si>
    <t>500超～   … 320</t>
    <rPh sb="3" eb="4">
      <t>チョウ</t>
    </rPh>
    <phoneticPr fontId="8"/>
  </si>
  <si>
    <t>100超～200…209.00</t>
    <rPh sb="3" eb="4">
      <t>チョウ</t>
    </rPh>
    <phoneticPr fontId="8"/>
  </si>
  <si>
    <t>500超～    … 240</t>
    <rPh sb="3" eb="4">
      <t>チョウ</t>
    </rPh>
    <phoneticPr fontId="8"/>
  </si>
  <si>
    <t xml:space="preserve"> 50超～   … 300</t>
    <rPh sb="3" eb="4">
      <t>チョウ</t>
    </rPh>
    <phoneticPr fontId="8"/>
  </si>
  <si>
    <t xml:space="preserve"> 50超～ 70… 208</t>
    <rPh sb="3" eb="4">
      <t>チョウ</t>
    </rPh>
    <phoneticPr fontId="8"/>
  </si>
  <si>
    <t>2000超～    … 199</t>
    <rPh sb="4" eb="5">
      <t>チョウ</t>
    </rPh>
    <phoneticPr fontId="3"/>
  </si>
  <si>
    <t>200超～ 　…222.20</t>
  </si>
  <si>
    <t xml:space="preserve"> 70超～   … 240</t>
    <rPh sb="3" eb="4">
      <t>チョウ</t>
    </rPh>
    <phoneticPr fontId="8"/>
  </si>
  <si>
    <t>1000超～    … 280</t>
  </si>
  <si>
    <t>3000超～5000… 270</t>
  </si>
  <si>
    <t>5000超～　　… 300</t>
  </si>
  <si>
    <t xml:space="preserve">  0 ～ 60 … 310</t>
  </si>
  <si>
    <t xml:space="preserve">  0  ～ 10…  44</t>
  </si>
  <si>
    <t xml:space="preserve">   1  ～ 100… 330</t>
    <phoneticPr fontId="3"/>
  </si>
  <si>
    <t xml:space="preserve">  0  ～ 20 …150</t>
  </si>
  <si>
    <t>100超～　…　130</t>
  </si>
  <si>
    <t xml:space="preserve">   1  ～  35… 140</t>
  </si>
  <si>
    <t xml:space="preserve">   0  ～  30… 170</t>
  </si>
  <si>
    <t xml:space="preserve">  0  ～ 10… 132</t>
    <phoneticPr fontId="3"/>
  </si>
  <si>
    <t>臨時</t>
    <rPh sb="0" eb="1">
      <t>リンジ</t>
    </rPh>
    <phoneticPr fontId="3"/>
  </si>
  <si>
    <t xml:space="preserve">   0  ～  10…  0</t>
    <phoneticPr fontId="3"/>
  </si>
  <si>
    <t xml:space="preserve">   0  ～  50… 270</t>
  </si>
  <si>
    <t xml:space="preserve"> 20超～ 30 …170</t>
    <rPh sb="3" eb="4">
      <t>こ</t>
    </rPh>
    <phoneticPr fontId="18" type="Hiragana"/>
  </si>
  <si>
    <t xml:space="preserve"> 10超～ 20… 144</t>
    <rPh sb="3" eb="4">
      <t>チョウ</t>
    </rPh>
    <phoneticPr fontId="8"/>
  </si>
  <si>
    <t xml:space="preserve">  10超～  … 199</t>
    <phoneticPr fontId="3"/>
  </si>
  <si>
    <t xml:space="preserve"> 200超～ 500… 422.4</t>
    <rPh sb="4" eb="5">
      <t>チョウ</t>
    </rPh>
    <phoneticPr fontId="8"/>
  </si>
  <si>
    <t xml:space="preserve"> 30超～ 40 …180</t>
    <rPh sb="3" eb="4">
      <t>こ</t>
    </rPh>
    <phoneticPr fontId="18" type="Hiragana"/>
  </si>
  <si>
    <t xml:space="preserve"> 20超～ 30… 174</t>
    <rPh sb="3" eb="4">
      <t>チョウ</t>
    </rPh>
    <phoneticPr fontId="8"/>
  </si>
  <si>
    <t xml:space="preserve"> 500超～1000… 431.2</t>
    <rPh sb="4" eb="5">
      <t>チョウ</t>
    </rPh>
    <phoneticPr fontId="8"/>
  </si>
  <si>
    <t xml:space="preserve"> 40超～100 …190</t>
    <rPh sb="3" eb="4">
      <t>こ</t>
    </rPh>
    <phoneticPr fontId="18" type="Hiragana"/>
  </si>
  <si>
    <t xml:space="preserve"> 30超～ 50… 204</t>
    <rPh sb="3" eb="4">
      <t>チョウ</t>
    </rPh>
    <phoneticPr fontId="8"/>
  </si>
  <si>
    <t>1000超～    … 470.8</t>
    <rPh sb="4" eb="5">
      <t>チョウ</t>
    </rPh>
    <phoneticPr fontId="8"/>
  </si>
  <si>
    <t xml:space="preserve"> 100超～   …200</t>
    <rPh sb="4" eb="5">
      <t>こ</t>
    </rPh>
    <phoneticPr fontId="18" type="Hiragana"/>
  </si>
  <si>
    <t xml:space="preserve"> 50超～ 70… 246</t>
    <rPh sb="3" eb="4">
      <t>チョウ</t>
    </rPh>
    <phoneticPr fontId="8"/>
  </si>
  <si>
    <t xml:space="preserve"> 70超～    …282</t>
    <rPh sb="3" eb="4">
      <t>チョウ</t>
    </rPh>
    <phoneticPr fontId="8"/>
  </si>
  <si>
    <t>0超～　…　370</t>
  </si>
  <si>
    <t xml:space="preserve">   0  ～ 200… 300</t>
  </si>
  <si>
    <t xml:space="preserve"> 0  ～   50… 110</t>
  </si>
  <si>
    <t>外税</t>
    <rPh sb="0" eb="1">
      <t>ソト</t>
    </rPh>
    <rPh sb="1" eb="2">
      <t>ゼイ</t>
    </rPh>
    <phoneticPr fontId="17"/>
  </si>
  <si>
    <t>管理者が別に定める額</t>
    <rPh sb="0" eb="3">
      <t>カンリシャ</t>
    </rPh>
    <rPh sb="4" eb="5">
      <t>ベツ</t>
    </rPh>
    <rPh sb="6" eb="7">
      <t>サダ</t>
    </rPh>
    <rPh sb="9" eb="10">
      <t>ガク</t>
    </rPh>
    <phoneticPr fontId="8"/>
  </si>
  <si>
    <t>メーターの断面積及び流量を基礎として管理者が定める額</t>
    <phoneticPr fontId="3"/>
  </si>
  <si>
    <t>水道メーターの口径の断面積及び流量を基礎として管理者が定める額</t>
    <phoneticPr fontId="3"/>
  </si>
  <si>
    <t>管理者が別に定める額</t>
  </si>
  <si>
    <t>-</t>
  </si>
  <si>
    <t>加入金</t>
    <rPh sb="0" eb="2">
      <t>カニュウ</t>
    </rPh>
    <rPh sb="2" eb="3">
      <t>キン</t>
    </rPh>
    <phoneticPr fontId="17"/>
  </si>
  <si>
    <t>○</t>
  </si>
  <si>
    <t>外税</t>
    <rPh sb="0" eb="2">
      <t>ソトゼイ</t>
    </rPh>
    <phoneticPr fontId="3"/>
  </si>
  <si>
    <t>内税</t>
    <rPh sb="0" eb="2">
      <t>ウチゼイ</t>
    </rPh>
    <phoneticPr fontId="3"/>
  </si>
  <si>
    <t>外税</t>
    <rPh sb="0" eb="1">
      <t>ガイ</t>
    </rPh>
    <rPh sb="1" eb="2">
      <t>ゼイ</t>
    </rPh>
    <phoneticPr fontId="3"/>
  </si>
  <si>
    <t>外税</t>
    <rPh sb="0" eb="1">
      <t>ソト</t>
    </rPh>
    <rPh sb="1" eb="2">
      <t>ゼイ</t>
    </rPh>
    <phoneticPr fontId="3"/>
  </si>
  <si>
    <t>外税</t>
    <rPh sb="0" eb="2">
      <t>ガイゼイ</t>
    </rPh>
    <phoneticPr fontId="3"/>
  </si>
  <si>
    <t>外税</t>
    <rPh sb="0" eb="1">
      <t>ソト</t>
    </rPh>
    <phoneticPr fontId="3"/>
  </si>
  <si>
    <t>S10.03.07</t>
  </si>
  <si>
    <t>S26.09.25</t>
  </si>
  <si>
    <t>S38.06.27</t>
  </si>
  <si>
    <t>S25.03.24</t>
  </si>
  <si>
    <t>S32.05.10</t>
  </si>
  <si>
    <t>S10.05.24</t>
  </si>
  <si>
    <t>S05.07.03</t>
  </si>
  <si>
    <t>S03.03.20</t>
  </si>
  <si>
    <t>S37.12.25</t>
  </si>
  <si>
    <t>S27.11.01</t>
  </si>
  <si>
    <t>S33.03.31</t>
  </si>
  <si>
    <t>S32.04.25</t>
  </si>
  <si>
    <t>S35.02.09</t>
  </si>
  <si>
    <t>S03.03.31</t>
  </si>
  <si>
    <t>S36.12.28</t>
  </si>
  <si>
    <t>S32.03.29</t>
  </si>
  <si>
    <t>S29.10.08</t>
  </si>
  <si>
    <t>S37.11.08</t>
  </si>
  <si>
    <t>S32.05.25</t>
  </si>
  <si>
    <t>S30.09.08</t>
  </si>
  <si>
    <t>S33.03.19</t>
  </si>
  <si>
    <t>S39.03.26</t>
  </si>
  <si>
    <t>S31.06.15</t>
  </si>
  <si>
    <t>S40.12.21</t>
  </si>
  <si>
    <t>S34.02.12</t>
  </si>
  <si>
    <t>S44.03.31</t>
  </si>
  <si>
    <t>S32.07.10</t>
  </si>
  <si>
    <t>S36.12.27</t>
  </si>
  <si>
    <t>S47.03.31</t>
  </si>
  <si>
    <t>S43.03.14</t>
  </si>
  <si>
    <t>S38.12.28</t>
  </si>
  <si>
    <t>S40.07.31</t>
  </si>
  <si>
    <t>S46.03.31</t>
  </si>
  <si>
    <t>S28.03.18</t>
  </si>
  <si>
    <t>S35.02.26</t>
  </si>
  <si>
    <t>S43.03.30</t>
  </si>
  <si>
    <t>S43.10.30</t>
  </si>
  <si>
    <t>S44.10.01</t>
  </si>
  <si>
    <t>S51.06.07</t>
  </si>
  <si>
    <t>S43.09.13</t>
  </si>
  <si>
    <t>S43.09.03</t>
  </si>
  <si>
    <t>S33.03.26</t>
  </si>
  <si>
    <t>S34.12.28</t>
  </si>
  <si>
    <t>S31.09.17</t>
  </si>
  <si>
    <t>S38.12.17</t>
  </si>
  <si>
    <t>H28.03.31</t>
  </si>
  <si>
    <t>S12.04.01</t>
  </si>
  <si>
    <t>S29.05.01</t>
  </si>
  <si>
    <t>S40.02.01</t>
  </si>
  <si>
    <t>S27.04.01</t>
  </si>
  <si>
    <t>S35.07.10</t>
  </si>
  <si>
    <t>S07.11.01</t>
  </si>
  <si>
    <t>S35.08.01</t>
  </si>
  <si>
    <t>S06.01.01</t>
  </si>
  <si>
    <t>S39.11.01</t>
  </si>
  <si>
    <t>S29.04.01</t>
  </si>
  <si>
    <t>S34.10.01</t>
  </si>
  <si>
    <t>S34.09.15</t>
  </si>
  <si>
    <t>S37.12.15</t>
  </si>
  <si>
    <t>S04.07.21</t>
  </si>
  <si>
    <t>S39.10.15</t>
  </si>
  <si>
    <t>S34.04.01</t>
  </si>
  <si>
    <t>S33.04.01</t>
  </si>
  <si>
    <t>S30.07.01</t>
  </si>
  <si>
    <t>S31.04.01</t>
  </si>
  <si>
    <t>S38.04.01</t>
  </si>
  <si>
    <t>S34.06.01</t>
  </si>
  <si>
    <t>S32.03.01</t>
  </si>
  <si>
    <t>S34.09.17</t>
  </si>
  <si>
    <t>S40.08.01</t>
  </si>
  <si>
    <t>S32.05.01</t>
  </si>
  <si>
    <t>S43.06.01</t>
  </si>
  <si>
    <t>S36.04.01</t>
  </si>
  <si>
    <t>S46.08.25</t>
  </si>
  <si>
    <t>S33.11.06</t>
  </si>
  <si>
    <t>S38.05.01</t>
  </si>
  <si>
    <t>S34.06.05</t>
  </si>
  <si>
    <t>S50.02.05</t>
  </si>
  <si>
    <t>S44.06.15</t>
  </si>
  <si>
    <t>S40.09.20</t>
  </si>
  <si>
    <t>S41.09.19</t>
  </si>
  <si>
    <t>S47.04.17</t>
  </si>
  <si>
    <t>S39.06.20</t>
  </si>
  <si>
    <t>S29.11.01</t>
  </si>
  <si>
    <t>S37.07.01</t>
  </si>
  <si>
    <t>S46.06.01</t>
  </si>
  <si>
    <t>S46.09.01</t>
  </si>
  <si>
    <t>S46.06.15</t>
  </si>
  <si>
    <t>S44.09.01</t>
  </si>
  <si>
    <t>S44.10.20</t>
  </si>
  <si>
    <t>S36.06.01</t>
  </si>
  <si>
    <t>S33.05.01</t>
  </si>
  <si>
    <t>S41.07.01</t>
  </si>
  <si>
    <t>S46.01.20</t>
  </si>
  <si>
    <t>H28.04.01</t>
  </si>
  <si>
    <t>S28.01.01</t>
  </si>
  <si>
    <t>H17.10.01</t>
  </si>
  <si>
    <t>S37.04.01</t>
  </si>
  <si>
    <t>H22.03.23</t>
  </si>
  <si>
    <t>H18.01.10</t>
  </si>
  <si>
    <t>S40.04.01</t>
  </si>
  <si>
    <t>S41.04.01</t>
  </si>
  <si>
    <t>S42.01.01</t>
  </si>
  <si>
    <t>H18.01.01</t>
  </si>
  <si>
    <t>S42.04.01</t>
  </si>
  <si>
    <t>S44.04.01</t>
  </si>
  <si>
    <t>S47.04.01</t>
  </si>
  <si>
    <t>S43.04.01</t>
  </si>
  <si>
    <t>S46.10.01</t>
  </si>
  <si>
    <t>S46.04.21</t>
  </si>
  <si>
    <t>S52.06.30</t>
  </si>
  <si>
    <t>H18.02.01</t>
  </si>
  <si>
    <t>S63.04.01</t>
  </si>
  <si>
    <t>S43.02.01</t>
  </si>
  <si>
    <t>有</t>
  </si>
  <si>
    <t>無</t>
  </si>
  <si>
    <t>R01.10.01</t>
  </si>
  <si>
    <t>R02.04.01</t>
  </si>
  <si>
    <t>R03.01.01</t>
  </si>
  <si>
    <t>R06.12.01</t>
  </si>
  <si>
    <t>R04.08.01</t>
  </si>
  <si>
    <t>R06.07.01</t>
  </si>
  <si>
    <t>R06.04.01</t>
  </si>
  <si>
    <t>R03.04.01</t>
  </si>
  <si>
    <t>R06.10.01</t>
  </si>
  <si>
    <t>R03.10.01</t>
  </si>
  <si>
    <t>R04.10.01</t>
  </si>
  <si>
    <t>20mm</t>
    <phoneticPr fontId="3"/>
  </si>
  <si>
    <t>25mm</t>
    <phoneticPr fontId="3"/>
  </si>
  <si>
    <t>30mm</t>
    <phoneticPr fontId="3"/>
  </si>
  <si>
    <t>40mm</t>
    <phoneticPr fontId="3"/>
  </si>
  <si>
    <t xml:space="preserve">   1 ～  4…  16</t>
  </si>
  <si>
    <t xml:space="preserve"> 10超～ 20… 145</t>
    <rPh sb="3" eb="4">
      <t>チョウ</t>
    </rPh>
    <phoneticPr fontId="8"/>
  </si>
  <si>
    <t xml:space="preserve">  10超～  30… 150</t>
    <rPh sb="4" eb="5">
      <t>チョウ</t>
    </rPh>
    <phoneticPr fontId="8"/>
  </si>
  <si>
    <t xml:space="preserve">  4超～ 10…  20</t>
    <rPh sb="3" eb="4">
      <t>チョウ</t>
    </rPh>
    <phoneticPr fontId="17"/>
  </si>
  <si>
    <t xml:space="preserve">  30超～  50… 175</t>
    <rPh sb="4" eb="5">
      <t>チョウ</t>
    </rPh>
    <phoneticPr fontId="8"/>
  </si>
  <si>
    <t xml:space="preserve"> 10超～ 20… 160</t>
    <rPh sb="3" eb="4">
      <t>チョウ</t>
    </rPh>
    <phoneticPr fontId="17"/>
  </si>
  <si>
    <t xml:space="preserve"> 20超～ 30… 118</t>
    <rPh sb="3" eb="4">
      <t>チョウ</t>
    </rPh>
    <phoneticPr fontId="8"/>
  </si>
  <si>
    <t xml:space="preserve">  50超～ 100… 206</t>
    <rPh sb="4" eb="5">
      <t>チョウ</t>
    </rPh>
    <phoneticPr fontId="8"/>
  </si>
  <si>
    <t xml:space="preserve"> 20超～ 30… 195</t>
    <rPh sb="3" eb="4">
      <t>チョウ</t>
    </rPh>
    <phoneticPr fontId="17"/>
  </si>
  <si>
    <t xml:space="preserve"> 30超～ 50… 140</t>
    <rPh sb="3" eb="4">
      <t>チョウ</t>
    </rPh>
    <phoneticPr fontId="8"/>
  </si>
  <si>
    <t xml:space="preserve"> 50超～ 100… 235</t>
    <rPh sb="3" eb="4">
      <t>チョウ</t>
    </rPh>
    <phoneticPr fontId="8"/>
  </si>
  <si>
    <t xml:space="preserve"> 100超～ 500… 237</t>
    <rPh sb="4" eb="5">
      <t>チョウ</t>
    </rPh>
    <phoneticPr fontId="8"/>
  </si>
  <si>
    <t xml:space="preserve"> 30超～ 50… 275</t>
    <rPh sb="3" eb="4">
      <t>チョウ</t>
    </rPh>
    <phoneticPr fontId="17"/>
  </si>
  <si>
    <t xml:space="preserve"> 50超～ 70… 168</t>
    <rPh sb="3" eb="4">
      <t>チョウ</t>
    </rPh>
    <phoneticPr fontId="8"/>
  </si>
  <si>
    <t xml:space="preserve"> 100超～ 200… 280</t>
    <rPh sb="4" eb="5">
      <t>チョウ</t>
    </rPh>
    <phoneticPr fontId="8"/>
  </si>
  <si>
    <t xml:space="preserve"> 500超～1000… 275</t>
    <rPh sb="4" eb="5">
      <t>チョウ</t>
    </rPh>
    <phoneticPr fontId="8"/>
  </si>
  <si>
    <t xml:space="preserve"> 50超～ 70… 350</t>
    <rPh sb="3" eb="4">
      <t>チョウ</t>
    </rPh>
    <phoneticPr fontId="17"/>
  </si>
  <si>
    <t xml:space="preserve"> 70超～   … 198</t>
    <rPh sb="3" eb="4">
      <t>チョウ</t>
    </rPh>
    <phoneticPr fontId="8"/>
  </si>
  <si>
    <t xml:space="preserve"> 200超～    … 320</t>
    <rPh sb="4" eb="5">
      <t>チョウ</t>
    </rPh>
    <phoneticPr fontId="8"/>
  </si>
  <si>
    <t>1000超～    … 318</t>
    <rPh sb="4" eb="5">
      <t>チョウ</t>
    </rPh>
    <phoneticPr fontId="8"/>
  </si>
  <si>
    <t xml:space="preserve"> 70超～100… 440</t>
    <rPh sb="3" eb="4">
      <t>チョウ</t>
    </rPh>
    <phoneticPr fontId="17"/>
  </si>
  <si>
    <t>100超～   … 530</t>
    <rPh sb="3" eb="4">
      <t>チョウ</t>
    </rPh>
    <phoneticPr fontId="17"/>
  </si>
  <si>
    <t>臨時</t>
    <rPh sb="0" eb="2">
      <t>リンジ</t>
    </rPh>
    <phoneticPr fontId="20"/>
  </si>
  <si>
    <t xml:space="preserve">   1 ～   … 600</t>
  </si>
  <si>
    <t>臨時</t>
    <rPh sb="0" eb="2">
      <t>リンジヨウ</t>
    </rPh>
    <phoneticPr fontId="3"/>
  </si>
  <si>
    <t xml:space="preserve">   0超 ～   …  350</t>
    <rPh sb="4" eb="5">
      <t>チョウ</t>
    </rPh>
    <phoneticPr fontId="3"/>
  </si>
  <si>
    <t xml:space="preserve">  1  ～ 10 … 210</t>
  </si>
  <si>
    <t xml:space="preserve"> 11超～ 100… 220</t>
    <rPh sb="3" eb="4">
      <t>チョウ</t>
    </rPh>
    <phoneticPr fontId="17"/>
  </si>
  <si>
    <t xml:space="preserve"> 101超～500… 230</t>
    <rPh sb="4" eb="5">
      <t>チョウ</t>
    </rPh>
    <phoneticPr fontId="17"/>
  </si>
  <si>
    <t xml:space="preserve"> 501超～   … 245</t>
    <rPh sb="4" eb="5">
      <t>チョウ</t>
    </rPh>
    <phoneticPr fontId="17"/>
  </si>
  <si>
    <t>浴場</t>
    <rPh sb="0" eb="2">
      <t>ヨクジョウ</t>
    </rPh>
    <phoneticPr fontId="3"/>
  </si>
  <si>
    <t>随時市長が定める</t>
    <rPh sb="0" eb="2">
      <t>ズイジ</t>
    </rPh>
    <rPh sb="2" eb="4">
      <t>シチョウ</t>
    </rPh>
    <rPh sb="5" eb="6">
      <t>サダ</t>
    </rPh>
    <phoneticPr fontId="3"/>
  </si>
  <si>
    <t>町長がその都度定める</t>
    <rPh sb="0" eb="2">
      <t>チョウチョウ</t>
    </rPh>
    <rPh sb="5" eb="7">
      <t>ツド</t>
    </rPh>
    <rPh sb="7" eb="8">
      <t>サダ</t>
    </rPh>
    <phoneticPr fontId="3"/>
  </si>
  <si>
    <t>メーターの口径の断面積及び流量を基礎として管理者が定める額</t>
    <phoneticPr fontId="3"/>
  </si>
  <si>
    <t>水道メーターの断面積及び流量等を基礎として市長が別に定める</t>
    <rPh sb="0" eb="2">
      <t>スイドウ</t>
    </rPh>
    <rPh sb="7" eb="10">
      <t>ダンメンセキ</t>
    </rPh>
    <rPh sb="10" eb="11">
      <t>オヨ</t>
    </rPh>
    <rPh sb="12" eb="14">
      <t>リュウリョウ</t>
    </rPh>
    <rPh sb="14" eb="15">
      <t>トウ</t>
    </rPh>
    <rPh sb="16" eb="18">
      <t>キソ</t>
    </rPh>
    <rPh sb="21" eb="23">
      <t>シチョウ</t>
    </rPh>
    <rPh sb="24" eb="25">
      <t>ベツ</t>
    </rPh>
    <rPh sb="26" eb="27">
      <t>サダ</t>
    </rPh>
    <phoneticPr fontId="3"/>
  </si>
  <si>
    <t>町長がその都度定める</t>
    <phoneticPr fontId="3"/>
  </si>
  <si>
    <t xml:space="preserve"> 10超～ 30… 150</t>
    <rPh sb="3" eb="4">
      <t>チョウ</t>
    </rPh>
    <phoneticPr fontId="8"/>
  </si>
  <si>
    <t xml:space="preserve">  0  ～ 10…  60</t>
    <phoneticPr fontId="3"/>
  </si>
  <si>
    <t xml:space="preserve"> 10超～ 20…  110</t>
    <rPh sb="3" eb="4">
      <t>チョウ</t>
    </rPh>
    <phoneticPr fontId="8"/>
  </si>
  <si>
    <t xml:space="preserve"> 30超～ 50… 195</t>
    <rPh sb="3" eb="4">
      <t>チョウ</t>
    </rPh>
    <phoneticPr fontId="8"/>
  </si>
  <si>
    <t xml:space="preserve"> 10超～ 20… 105</t>
    <rPh sb="3" eb="4">
      <t>チョウ</t>
    </rPh>
    <phoneticPr fontId="8"/>
  </si>
  <si>
    <t xml:space="preserve"> 20超～ 30… 130</t>
    <rPh sb="3" eb="4">
      <t>チョウ</t>
    </rPh>
    <phoneticPr fontId="8"/>
  </si>
  <si>
    <t xml:space="preserve"> 10超～ 30… 200</t>
    <rPh sb="3" eb="4">
      <t>チョウ</t>
    </rPh>
    <phoneticPr fontId="8"/>
  </si>
  <si>
    <t xml:space="preserve"> 50超～100… 215</t>
    <rPh sb="3" eb="4">
      <t>チョウ</t>
    </rPh>
    <phoneticPr fontId="8"/>
  </si>
  <si>
    <t>100超～200… 235</t>
    <rPh sb="3" eb="4">
      <t>チョウ</t>
    </rPh>
    <phoneticPr fontId="8"/>
  </si>
  <si>
    <t xml:space="preserve"> 50超～   … 180</t>
    <rPh sb="3" eb="4">
      <t>チョウ</t>
    </rPh>
    <phoneticPr fontId="8"/>
  </si>
  <si>
    <t xml:space="preserve"> 50超～100… 270</t>
    <rPh sb="3" eb="4">
      <t>チョウ</t>
    </rPh>
    <phoneticPr fontId="8"/>
  </si>
  <si>
    <t>200超～   … 250</t>
    <rPh sb="3" eb="4">
      <t>チョウ</t>
    </rPh>
    <phoneticPr fontId="8"/>
  </si>
  <si>
    <t>100超～200… 240</t>
    <rPh sb="3" eb="4">
      <t>チョウ</t>
    </rPh>
    <phoneticPr fontId="8"/>
  </si>
  <si>
    <t xml:space="preserve"> 50超～100… 265</t>
    <rPh sb="3" eb="4">
      <t>チョウ</t>
    </rPh>
    <phoneticPr fontId="8"/>
  </si>
  <si>
    <t>200超～500… 260</t>
    <rPh sb="3" eb="4">
      <t>チョウ</t>
    </rPh>
    <phoneticPr fontId="8"/>
  </si>
  <si>
    <t>100超～   … 355</t>
    <rPh sb="3" eb="4">
      <t>チョウ</t>
    </rPh>
    <phoneticPr fontId="8"/>
  </si>
  <si>
    <t xml:space="preserve"> 10超～ 20… 290</t>
    <rPh sb="3" eb="4">
      <t>チョウ</t>
    </rPh>
    <phoneticPr fontId="8"/>
  </si>
  <si>
    <t xml:space="preserve">  0  ～200…  75</t>
    <phoneticPr fontId="3"/>
  </si>
  <si>
    <t xml:space="preserve"> 20超～ 30… 330</t>
    <rPh sb="3" eb="4">
      <t>チョウ</t>
    </rPh>
    <phoneticPr fontId="8"/>
  </si>
  <si>
    <t>200超～   … 105</t>
    <rPh sb="3" eb="4">
      <t>チョウ</t>
    </rPh>
    <phoneticPr fontId="8"/>
  </si>
  <si>
    <t xml:space="preserve"> 30超～ 50… 380</t>
    <rPh sb="3" eb="4">
      <t>チョウ</t>
    </rPh>
    <phoneticPr fontId="8"/>
  </si>
  <si>
    <t xml:space="preserve"> 50超～100… 430</t>
    <rPh sb="3" eb="4">
      <t>チョウ</t>
    </rPh>
    <phoneticPr fontId="8"/>
  </si>
  <si>
    <t>100超～200… 480</t>
    <rPh sb="3" eb="4">
      <t>チョウ</t>
    </rPh>
    <phoneticPr fontId="8"/>
  </si>
  <si>
    <t>200超～500… 520</t>
    <rPh sb="3" eb="4">
      <t>チョウ</t>
    </rPh>
    <phoneticPr fontId="8"/>
  </si>
  <si>
    <t>500超～   … 560</t>
    <rPh sb="3" eb="4">
      <t>チョウ</t>
    </rPh>
    <phoneticPr fontId="8"/>
  </si>
  <si>
    <t>水道メーターの断面積及び流量等を基礎として市長が別に定める</t>
    <phoneticPr fontId="3"/>
  </si>
  <si>
    <t>100超～　…　80</t>
    <phoneticPr fontId="3"/>
  </si>
  <si>
    <t>501超～   … 245</t>
    <rPh sb="3" eb="4">
      <t>チョウ</t>
    </rPh>
    <phoneticPr fontId="17"/>
  </si>
  <si>
    <t>101超～500… 230</t>
    <rPh sb="3" eb="4">
      <t>チョウ</t>
    </rPh>
    <phoneticPr fontId="17"/>
  </si>
  <si>
    <t xml:space="preserve"> 51超～100… 210</t>
    <rPh sb="3" eb="4">
      <t>チョウ</t>
    </rPh>
    <phoneticPr fontId="17"/>
  </si>
  <si>
    <t xml:space="preserve"> 31超～ 50… 195</t>
    <rPh sb="3" eb="4">
      <t>チョウ</t>
    </rPh>
    <phoneticPr fontId="17"/>
  </si>
  <si>
    <t xml:space="preserve"> 21超～ 30… 185</t>
    <rPh sb="3" eb="4">
      <t>チョウ</t>
    </rPh>
    <phoneticPr fontId="17"/>
  </si>
  <si>
    <t xml:space="preserve"> 11超～ 20… 10</t>
    <rPh sb="3" eb="4">
      <t>チョウ</t>
    </rPh>
    <phoneticPr fontId="17"/>
  </si>
  <si>
    <t xml:space="preserve"> 1超～  10… 5</t>
    <rPh sb="2" eb="3">
      <t>チョウ</t>
    </rPh>
    <phoneticPr fontId="17"/>
  </si>
  <si>
    <t xml:space="preserve">  0  ～ 10… 79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2">
    <numFmt numFmtId="176" formatCode="#,##0_ ;&quot;△ &quot;#,##0_ "/>
    <numFmt numFmtId="177" formatCode="#,##0_ ;[Red]\-#,##0\ "/>
    <numFmt numFmtId="178" formatCode="#,##0.00_ ;&quot;△ &quot;#,##0.00_ "/>
    <numFmt numFmtId="179" formatCode="#,##0.0_ ;&quot;▲ &quot;#,##0.0_ "/>
    <numFmt numFmtId="180" formatCode="#,##0.0_);[Red]\(#,##0.0\)"/>
    <numFmt numFmtId="181" formatCode="#,##0;&quot;▲ &quot;#,##0"/>
    <numFmt numFmtId="182" formatCode="#,##0;&quot;△ &quot;#,##0"/>
    <numFmt numFmtId="183" formatCode="#,##0.0;&quot;△ &quot;#,##0.0"/>
    <numFmt numFmtId="184" formatCode="#,##0_ ;&quot;▲ &quot;#,##0_ "/>
    <numFmt numFmtId="185" formatCode="\▲0;0;0"/>
    <numFmt numFmtId="186" formatCode="&quot;▲&quot;#,##0_ ;#,##0_ "/>
    <numFmt numFmtId="187" formatCode="#,##0_ "/>
  </numFmts>
  <fonts count="34">
    <font>
      <sz val="12"/>
      <color theme="1"/>
      <name val="ＭＳ 明朝"/>
      <family val="2"/>
      <charset val="128"/>
    </font>
    <font>
      <sz val="11"/>
      <color theme="1"/>
      <name val="ＭＳ Ｐゴシック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ゴシック"/>
      <family val="3"/>
      <charset val="128"/>
    </font>
    <font>
      <sz val="12"/>
      <name val="ＭＳ ゴシック"/>
      <family val="3"/>
      <charset val="128"/>
    </font>
    <font>
      <sz val="7"/>
      <name val="ＭＳ Ｐ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7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2"/>
      <name val="ＭＳ 明朝"/>
      <family val="1"/>
      <charset val="128"/>
    </font>
    <font>
      <sz val="9"/>
      <name val="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7"/>
      <name val="ＭＳ ゴシック"/>
      <family val="3"/>
    </font>
    <font>
      <sz val="6"/>
      <name val="ＭＳ Ｐ明朝"/>
      <family val="1"/>
    </font>
    <font>
      <sz val="6"/>
      <name val="游ゴシック"/>
      <family val="3"/>
    </font>
    <font>
      <sz val="9"/>
      <name val="明朝"/>
      <family val="1"/>
    </font>
    <font>
      <sz val="6"/>
      <name val="ＭＳ 明朝"/>
      <family val="1"/>
    </font>
    <font>
      <sz val="3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7"/>
      <color theme="1"/>
      <name val="ＭＳ ゴシック"/>
      <family val="3"/>
      <charset val="128"/>
    </font>
    <font>
      <sz val="9"/>
      <color theme="1"/>
      <name val="明朝"/>
      <family val="1"/>
      <charset val="128"/>
    </font>
    <font>
      <sz val="6"/>
      <name val="明朝"/>
      <family val="1"/>
      <charset val="128"/>
    </font>
    <font>
      <sz val="9"/>
      <color theme="1"/>
      <name val="ＭＳ Ｐゴシック"/>
      <family val="3"/>
      <charset val="128"/>
    </font>
    <font>
      <sz val="7"/>
      <color theme="1"/>
      <name val="ＭＳ Ｐゴシック"/>
      <family val="3"/>
      <charset val="128"/>
    </font>
    <font>
      <sz val="9"/>
      <color rgb="FFFF0000"/>
      <name val="明朝"/>
      <family val="1"/>
      <charset val="128"/>
    </font>
    <font>
      <sz val="7"/>
      <color rgb="FFFF0000"/>
      <name val="ＭＳ ゴシック"/>
      <family val="3"/>
      <charset val="128"/>
    </font>
    <font>
      <sz val="7"/>
      <color theme="1"/>
      <name val="ＭＳ ゴシック"/>
      <family val="3"/>
    </font>
    <font>
      <sz val="6"/>
      <color theme="1"/>
      <name val="ＭＳ ゴシック"/>
      <family val="3"/>
      <charset val="128"/>
    </font>
    <font>
      <strike/>
      <sz val="7"/>
      <color theme="1"/>
      <name val="ＭＳ ゴシック"/>
      <family val="3"/>
      <charset val="128"/>
    </font>
    <font>
      <strike/>
      <sz val="7"/>
      <color rgb="FFFF0000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6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</borders>
  <cellStyleXfs count="11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0" fontId="10" fillId="0" borderId="0">
      <alignment vertical="center"/>
    </xf>
    <xf numFmtId="182" fontId="12" fillId="0" borderId="0"/>
    <xf numFmtId="9" fontId="13" fillId="0" borderId="0" applyFont="0" applyFill="0" applyBorder="0" applyAlignment="0" applyProtection="0">
      <alignment vertical="center"/>
    </xf>
    <xf numFmtId="38" fontId="11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10" fillId="0" borderId="0">
      <alignment vertical="center"/>
    </xf>
    <xf numFmtId="0" fontId="14" fillId="0" borderId="0">
      <alignment vertical="center"/>
    </xf>
    <xf numFmtId="0" fontId="1" fillId="0" borderId="0">
      <alignment vertical="center"/>
    </xf>
    <xf numFmtId="182" fontId="19" fillId="0" borderId="0"/>
  </cellStyleXfs>
  <cellXfs count="492">
    <xf numFmtId="0" fontId="0" fillId="0" borderId="0" xfId="0">
      <alignment vertical="center"/>
    </xf>
    <xf numFmtId="0" fontId="9" fillId="0" borderId="2" xfId="0" applyFont="1" applyBorder="1" applyAlignment="1">
      <alignment vertical="center" wrapText="1"/>
    </xf>
    <xf numFmtId="38" fontId="9" fillId="0" borderId="1" xfId="1" applyFont="1" applyFill="1" applyBorder="1" applyAlignment="1">
      <alignment horizontal="center" vertical="center"/>
    </xf>
    <xf numFmtId="0" fontId="9" fillId="2" borderId="3" xfId="0" applyFont="1" applyFill="1" applyBorder="1" applyAlignment="1">
      <alignment horizontal="center" vertical="center"/>
    </xf>
    <xf numFmtId="38" fontId="9" fillId="0" borderId="30" xfId="1" applyFont="1" applyFill="1" applyBorder="1" applyAlignment="1">
      <alignment horizontal="center" vertical="center"/>
    </xf>
    <xf numFmtId="0" fontId="9" fillId="0" borderId="7" xfId="0" applyFont="1" applyBorder="1" applyAlignment="1">
      <alignment horizontal="left" vertical="center"/>
    </xf>
    <xf numFmtId="0" fontId="9" fillId="0" borderId="3" xfId="0" applyFont="1" applyBorder="1" applyAlignment="1">
      <alignment horizontal="left" vertical="center"/>
    </xf>
    <xf numFmtId="176" fontId="9" fillId="0" borderId="31" xfId="1" applyNumberFormat="1" applyFont="1" applyFill="1" applyBorder="1" applyAlignment="1">
      <alignment horizontal="center" vertical="center"/>
    </xf>
    <xf numFmtId="176" fontId="9" fillId="0" borderId="32" xfId="1" applyNumberFormat="1" applyFont="1" applyFill="1" applyBorder="1" applyAlignment="1">
      <alignment horizontal="center" vertical="center"/>
    </xf>
    <xf numFmtId="177" fontId="9" fillId="0" borderId="32" xfId="1" applyNumberFormat="1" applyFont="1" applyFill="1" applyBorder="1" applyAlignment="1">
      <alignment horizontal="center" vertical="center"/>
    </xf>
    <xf numFmtId="176" fontId="9" fillId="0" borderId="32" xfId="1" applyNumberFormat="1" applyFont="1" applyFill="1" applyBorder="1" applyAlignment="1">
      <alignment horizontal="right" vertical="center"/>
    </xf>
    <xf numFmtId="178" fontId="9" fillId="0" borderId="32" xfId="1" applyNumberFormat="1" applyFont="1" applyFill="1" applyBorder="1" applyAlignment="1">
      <alignment horizontal="right" vertical="center"/>
    </xf>
    <xf numFmtId="0" fontId="9" fillId="0" borderId="7" xfId="0" applyFont="1" applyBorder="1">
      <alignment vertical="center"/>
    </xf>
    <xf numFmtId="0" fontId="9" fillId="0" borderId="3" xfId="0" applyFont="1" applyBorder="1">
      <alignment vertical="center"/>
    </xf>
    <xf numFmtId="0" fontId="9" fillId="0" borderId="20" xfId="0" applyFont="1" applyBorder="1">
      <alignment vertical="center"/>
    </xf>
    <xf numFmtId="0" fontId="9" fillId="0" borderId="20" xfId="0" quotePrefix="1" applyFont="1" applyBorder="1">
      <alignment vertical="center"/>
    </xf>
    <xf numFmtId="0" fontId="9" fillId="0" borderId="21" xfId="0" applyFont="1" applyBorder="1">
      <alignment vertical="center"/>
    </xf>
    <xf numFmtId="0" fontId="9" fillId="0" borderId="23" xfId="0" applyFont="1" applyBorder="1">
      <alignment vertical="center"/>
    </xf>
    <xf numFmtId="0" fontId="9" fillId="0" borderId="0" xfId="0" applyFont="1">
      <alignment vertical="center"/>
    </xf>
    <xf numFmtId="0" fontId="9" fillId="2" borderId="1" xfId="0" applyFont="1" applyFill="1" applyBorder="1" applyAlignment="1">
      <alignment horizontal="center" vertical="center"/>
    </xf>
    <xf numFmtId="0" fontId="9" fillId="0" borderId="36" xfId="0" applyFont="1" applyBorder="1">
      <alignment vertical="center"/>
    </xf>
    <xf numFmtId="0" fontId="9" fillId="0" borderId="37" xfId="0" applyFont="1" applyBorder="1">
      <alignment vertical="center"/>
    </xf>
    <xf numFmtId="0" fontId="9" fillId="0" borderId="38" xfId="0" applyFont="1" applyBorder="1">
      <alignment vertical="center"/>
    </xf>
    <xf numFmtId="0" fontId="9" fillId="0" borderId="39" xfId="0" applyFont="1" applyBorder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30" xfId="0" applyFont="1" applyBorder="1" applyAlignment="1">
      <alignment horizontal="center" vertical="center"/>
    </xf>
    <xf numFmtId="0" fontId="9" fillId="0" borderId="2" xfId="0" applyFont="1" applyBorder="1" applyAlignment="1">
      <alignment horizontal="left" vertical="center"/>
    </xf>
    <xf numFmtId="0" fontId="9" fillId="0" borderId="39" xfId="0" applyFont="1" applyBorder="1" applyAlignment="1">
      <alignment horizontal="left" vertical="center"/>
    </xf>
    <xf numFmtId="0" fontId="9" fillId="0" borderId="16" xfId="0" applyFont="1" applyBorder="1">
      <alignment vertical="center"/>
    </xf>
    <xf numFmtId="0" fontId="9" fillId="0" borderId="49" xfId="0" applyFont="1" applyBorder="1">
      <alignment vertical="center"/>
    </xf>
    <xf numFmtId="0" fontId="9" fillId="0" borderId="7" xfId="0" applyFont="1" applyBorder="1" applyAlignment="1">
      <alignment horizontal="center" vertical="center"/>
    </xf>
    <xf numFmtId="0" fontId="9" fillId="0" borderId="21" xfId="0" applyFont="1" applyBorder="1" applyAlignment="1">
      <alignment horizontal="center" vertical="center" textRotation="255"/>
    </xf>
    <xf numFmtId="0" fontId="9" fillId="0" borderId="23" xfId="0" applyFont="1" applyBorder="1" applyAlignment="1">
      <alignment horizontal="center" vertical="center" textRotation="255"/>
    </xf>
    <xf numFmtId="0" fontId="9" fillId="0" borderId="40" xfId="0" applyFont="1" applyBorder="1">
      <alignment vertical="center"/>
    </xf>
    <xf numFmtId="0" fontId="9" fillId="0" borderId="3" xfId="0" applyFont="1" applyBorder="1" applyAlignment="1">
      <alignment horizontal="center" vertical="center"/>
    </xf>
    <xf numFmtId="0" fontId="9" fillId="0" borderId="21" xfId="0" applyFont="1" applyBorder="1" applyAlignment="1">
      <alignment horizontal="left" vertical="center"/>
    </xf>
    <xf numFmtId="179" fontId="9" fillId="0" borderId="32" xfId="1" applyNumberFormat="1" applyFont="1" applyFill="1" applyBorder="1" applyAlignment="1">
      <alignment horizontal="right" vertical="center"/>
    </xf>
    <xf numFmtId="180" fontId="9" fillId="0" borderId="32" xfId="1" applyNumberFormat="1" applyFont="1" applyFill="1" applyBorder="1" applyAlignment="1">
      <alignment horizontal="right" vertical="center"/>
    </xf>
    <xf numFmtId="0" fontId="9" fillId="0" borderId="20" xfId="0" applyFont="1" applyBorder="1" applyAlignment="1">
      <alignment horizontal="left" vertical="center"/>
    </xf>
    <xf numFmtId="180" fontId="9" fillId="0" borderId="33" xfId="1" applyNumberFormat="1" applyFont="1" applyFill="1" applyBorder="1" applyAlignment="1">
      <alignment horizontal="right" vertical="center"/>
    </xf>
    <xf numFmtId="0" fontId="9" fillId="0" borderId="32" xfId="0" applyFont="1" applyBorder="1">
      <alignment vertical="center"/>
    </xf>
    <xf numFmtId="181" fontId="9" fillId="0" borderId="0" xfId="0" applyNumberFormat="1" applyFont="1">
      <alignment vertical="center"/>
    </xf>
    <xf numFmtId="181" fontId="9" fillId="0" borderId="0" xfId="1" applyNumberFormat="1" applyFont="1" applyAlignment="1">
      <alignment vertical="center"/>
    </xf>
    <xf numFmtId="182" fontId="9" fillId="0" borderId="0" xfId="3" applyFont="1" applyAlignment="1">
      <alignment vertical="center"/>
    </xf>
    <xf numFmtId="0" fontId="9" fillId="0" borderId="10" xfId="0" quotePrefix="1" applyFont="1" applyBorder="1">
      <alignment vertical="center"/>
    </xf>
    <xf numFmtId="0" fontId="9" fillId="0" borderId="45" xfId="0" applyFont="1" applyBorder="1" applyAlignment="1">
      <alignment horizontal="left" vertical="center"/>
    </xf>
    <xf numFmtId="0" fontId="9" fillId="0" borderId="52" xfId="0" applyFont="1" applyBorder="1">
      <alignment vertical="center"/>
    </xf>
    <xf numFmtId="176" fontId="9" fillId="0" borderId="32" xfId="0" applyNumberFormat="1" applyFont="1" applyBorder="1">
      <alignment vertical="center"/>
    </xf>
    <xf numFmtId="178" fontId="9" fillId="0" borderId="32" xfId="0" applyNumberFormat="1" applyFont="1" applyBorder="1">
      <alignment vertical="center"/>
    </xf>
    <xf numFmtId="184" fontId="9" fillId="0" borderId="31" xfId="1" applyNumberFormat="1" applyFont="1" applyFill="1" applyBorder="1" applyAlignment="1">
      <alignment horizontal="right" vertical="center"/>
    </xf>
    <xf numFmtId="184" fontId="9" fillId="0" borderId="32" xfId="0" applyNumberFormat="1" applyFont="1" applyBorder="1">
      <alignment vertical="center"/>
    </xf>
    <xf numFmtId="184" fontId="9" fillId="0" borderId="32" xfId="1" applyNumberFormat="1" applyFont="1" applyFill="1" applyBorder="1" applyAlignment="1">
      <alignment horizontal="right" vertical="center"/>
    </xf>
    <xf numFmtId="184" fontId="9" fillId="0" borderId="33" xfId="1" applyNumberFormat="1" applyFont="1" applyFill="1" applyBorder="1" applyAlignment="1">
      <alignment horizontal="right" vertical="center"/>
    </xf>
    <xf numFmtId="184" fontId="9" fillId="0" borderId="33" xfId="0" applyNumberFormat="1" applyFont="1" applyBorder="1">
      <alignment vertical="center"/>
    </xf>
    <xf numFmtId="184" fontId="9" fillId="0" borderId="44" xfId="1" applyNumberFormat="1" applyFont="1" applyFill="1" applyBorder="1" applyAlignment="1">
      <alignment horizontal="right" vertical="center"/>
    </xf>
    <xf numFmtId="184" fontId="9" fillId="0" borderId="44" xfId="0" applyNumberFormat="1" applyFont="1" applyBorder="1">
      <alignment vertical="center"/>
    </xf>
    <xf numFmtId="184" fontId="9" fillId="0" borderId="52" xfId="1" applyNumberFormat="1" applyFont="1" applyFill="1" applyBorder="1" applyAlignment="1">
      <alignment horizontal="right" vertical="center"/>
    </xf>
    <xf numFmtId="184" fontId="9" fillId="0" borderId="52" xfId="0" applyNumberFormat="1" applyFont="1" applyBorder="1">
      <alignment vertical="center"/>
    </xf>
    <xf numFmtId="184" fontId="9" fillId="0" borderId="51" xfId="1" applyNumberFormat="1" applyFont="1" applyFill="1" applyBorder="1" applyAlignment="1">
      <alignment horizontal="right" vertical="center"/>
    </xf>
    <xf numFmtId="0" fontId="9" fillId="0" borderId="10" xfId="0" applyFont="1" applyBorder="1" applyAlignment="1">
      <alignment horizontal="left" vertical="center"/>
    </xf>
    <xf numFmtId="0" fontId="9" fillId="0" borderId="10" xfId="0" applyFont="1" applyBorder="1">
      <alignment vertical="center"/>
    </xf>
    <xf numFmtId="0" fontId="9" fillId="0" borderId="6" xfId="0" applyFont="1" applyBorder="1">
      <alignment vertical="center"/>
    </xf>
    <xf numFmtId="0" fontId="9" fillId="0" borderId="29" xfId="0" applyFont="1" applyBorder="1">
      <alignment vertical="center"/>
    </xf>
    <xf numFmtId="184" fontId="9" fillId="0" borderId="51" xfId="0" applyNumberFormat="1" applyFont="1" applyBorder="1">
      <alignment vertical="center"/>
    </xf>
    <xf numFmtId="184" fontId="9" fillId="0" borderId="0" xfId="0" applyNumberFormat="1" applyFont="1">
      <alignment vertical="center"/>
    </xf>
    <xf numFmtId="38" fontId="9" fillId="0" borderId="50" xfId="1" applyFont="1" applyFill="1" applyBorder="1" applyAlignment="1">
      <alignment horizontal="center" vertical="center"/>
    </xf>
    <xf numFmtId="0" fontId="9" fillId="0" borderId="30" xfId="0" applyFont="1" applyBorder="1">
      <alignment vertical="center"/>
    </xf>
    <xf numFmtId="0" fontId="9" fillId="0" borderId="9" xfId="0" applyFont="1" applyBorder="1" applyAlignment="1">
      <alignment horizontal="left" vertical="center"/>
    </xf>
    <xf numFmtId="184" fontId="9" fillId="0" borderId="0" xfId="1" applyNumberFormat="1" applyFont="1" applyFill="1" applyBorder="1" applyAlignment="1">
      <alignment horizontal="right" vertical="center"/>
    </xf>
    <xf numFmtId="0" fontId="9" fillId="0" borderId="43" xfId="0" applyFont="1" applyBorder="1">
      <alignment vertical="center"/>
    </xf>
    <xf numFmtId="0" fontId="9" fillId="0" borderId="66" xfId="0" applyFont="1" applyBorder="1">
      <alignment vertical="center"/>
    </xf>
    <xf numFmtId="0" fontId="4" fillId="0" borderId="12" xfId="0" applyFont="1" applyBorder="1">
      <alignment vertical="center"/>
    </xf>
    <xf numFmtId="0" fontId="9" fillId="0" borderId="12" xfId="0" applyFont="1" applyBorder="1">
      <alignment vertical="center"/>
    </xf>
    <xf numFmtId="179" fontId="9" fillId="0" borderId="32" xfId="0" applyNumberFormat="1" applyFont="1" applyBorder="1">
      <alignment vertical="center"/>
    </xf>
    <xf numFmtId="179" fontId="9" fillId="0" borderId="32" xfId="0" applyNumberFormat="1" applyFont="1" applyBorder="1" applyAlignment="1">
      <alignment horizontal="right" vertical="center"/>
    </xf>
    <xf numFmtId="185" fontId="9" fillId="0" borderId="32" xfId="1" applyNumberFormat="1" applyFont="1" applyFill="1" applyBorder="1" applyAlignment="1">
      <alignment horizontal="right" vertical="center"/>
    </xf>
    <xf numFmtId="185" fontId="9" fillId="0" borderId="32" xfId="0" applyNumberFormat="1" applyFont="1" applyBorder="1">
      <alignment vertical="center"/>
    </xf>
    <xf numFmtId="186" fontId="9" fillId="0" borderId="32" xfId="1" applyNumberFormat="1" applyFont="1" applyFill="1" applyBorder="1" applyAlignment="1">
      <alignment horizontal="right" vertical="center"/>
    </xf>
    <xf numFmtId="186" fontId="9" fillId="0" borderId="32" xfId="1" applyNumberFormat="1" applyFont="1" applyBorder="1">
      <alignment vertical="center"/>
    </xf>
    <xf numFmtId="186" fontId="9" fillId="0" borderId="32" xfId="0" applyNumberFormat="1" applyFont="1" applyBorder="1">
      <alignment vertical="center"/>
    </xf>
    <xf numFmtId="186" fontId="9" fillId="0" borderId="33" xfId="1" applyNumberFormat="1" applyFont="1" applyFill="1" applyBorder="1" applyAlignment="1">
      <alignment horizontal="right" vertical="center"/>
    </xf>
    <xf numFmtId="186" fontId="9" fillId="0" borderId="33" xfId="0" applyNumberFormat="1" applyFont="1" applyBorder="1">
      <alignment vertical="center"/>
    </xf>
    <xf numFmtId="0" fontId="9" fillId="0" borderId="15" xfId="0" applyFont="1" applyBorder="1">
      <alignment vertical="center"/>
    </xf>
    <xf numFmtId="187" fontId="9" fillId="0" borderId="0" xfId="0" applyNumberFormat="1" applyFont="1">
      <alignment vertical="center"/>
    </xf>
    <xf numFmtId="182" fontId="9" fillId="0" borderId="43" xfId="3" applyFont="1" applyBorder="1" applyAlignment="1">
      <alignment horizontal="center" vertical="center"/>
    </xf>
    <xf numFmtId="182" fontId="9" fillId="0" borderId="46" xfId="3" applyFont="1" applyBorder="1" applyAlignment="1">
      <alignment horizontal="center" vertical="center"/>
    </xf>
    <xf numFmtId="182" fontId="9" fillId="0" borderId="47" xfId="3" applyFont="1" applyBorder="1" applyAlignment="1">
      <alignment vertical="center"/>
    </xf>
    <xf numFmtId="182" fontId="16" fillId="0" borderId="46" xfId="3" applyFont="1" applyBorder="1" applyAlignment="1">
      <alignment horizontal="center" vertical="center"/>
    </xf>
    <xf numFmtId="182" fontId="16" fillId="0" borderId="47" xfId="3" applyFont="1" applyBorder="1" applyAlignment="1">
      <alignment vertical="center"/>
    </xf>
    <xf numFmtId="38" fontId="9" fillId="0" borderId="47" xfId="1" applyFont="1" applyFill="1" applyBorder="1" applyAlignment="1">
      <alignment vertical="center"/>
    </xf>
    <xf numFmtId="182" fontId="9" fillId="0" borderId="13" xfId="3" applyFont="1" applyBorder="1" applyAlignment="1">
      <alignment horizontal="center" vertical="center"/>
    </xf>
    <xf numFmtId="182" fontId="9" fillId="0" borderId="20" xfId="3" applyFont="1" applyBorder="1" applyAlignment="1">
      <alignment vertical="center"/>
    </xf>
    <xf numFmtId="182" fontId="16" fillId="0" borderId="13" xfId="3" applyFont="1" applyBorder="1" applyAlignment="1">
      <alignment horizontal="center" vertical="center"/>
    </xf>
    <xf numFmtId="182" fontId="16" fillId="0" borderId="20" xfId="3" applyFont="1" applyBorder="1" applyAlignment="1">
      <alignment vertical="center"/>
    </xf>
    <xf numFmtId="38" fontId="9" fillId="0" borderId="20" xfId="1" applyFont="1" applyFill="1" applyBorder="1" applyAlignment="1">
      <alignment vertical="center"/>
    </xf>
    <xf numFmtId="182" fontId="9" fillId="0" borderId="17" xfId="3" applyFont="1" applyBorder="1" applyAlignment="1">
      <alignment horizontal="center" vertical="center"/>
    </xf>
    <xf numFmtId="182" fontId="16" fillId="0" borderId="17" xfId="3" applyFont="1" applyBorder="1" applyAlignment="1">
      <alignment horizontal="center" vertical="center"/>
    </xf>
    <xf numFmtId="182" fontId="9" fillId="0" borderId="11" xfId="3" applyFont="1" applyBorder="1" applyAlignment="1">
      <alignment horizontal="center" vertical="center"/>
    </xf>
    <xf numFmtId="182" fontId="16" fillId="0" borderId="11" xfId="3" applyFont="1" applyBorder="1" applyAlignment="1">
      <alignment horizontal="center" vertical="center"/>
    </xf>
    <xf numFmtId="182" fontId="9" fillId="0" borderId="36" xfId="3" applyFont="1" applyBorder="1" applyAlignment="1">
      <alignment horizontal="center" vertical="center"/>
    </xf>
    <xf numFmtId="182" fontId="9" fillId="0" borderId="13" xfId="3" applyFont="1" applyBorder="1" applyAlignment="1">
      <alignment horizontal="center" vertical="center" shrinkToFit="1"/>
    </xf>
    <xf numFmtId="182" fontId="9" fillId="0" borderId="17" xfId="3" applyFont="1" applyBorder="1" applyAlignment="1">
      <alignment horizontal="center" vertical="center" shrinkToFit="1"/>
    </xf>
    <xf numFmtId="182" fontId="9" fillId="0" borderId="36" xfId="3" applyFont="1" applyBorder="1" applyAlignment="1">
      <alignment horizontal="center" vertical="center" shrinkToFit="1"/>
    </xf>
    <xf numFmtId="182" fontId="9" fillId="0" borderId="63" xfId="3" applyFont="1" applyBorder="1" applyAlignment="1">
      <alignment horizontal="center" vertical="center"/>
    </xf>
    <xf numFmtId="182" fontId="9" fillId="0" borderId="54" xfId="3" applyFont="1" applyBorder="1" applyAlignment="1">
      <alignment vertical="center"/>
    </xf>
    <xf numFmtId="182" fontId="16" fillId="0" borderId="63" xfId="3" applyFont="1" applyBorder="1" applyAlignment="1">
      <alignment horizontal="center" vertical="center"/>
    </xf>
    <xf numFmtId="182" fontId="16" fillId="0" borderId="54" xfId="3" applyFont="1" applyBorder="1" applyAlignment="1">
      <alignment vertical="center"/>
    </xf>
    <xf numFmtId="182" fontId="9" fillId="0" borderId="43" xfId="3" applyFont="1" applyBorder="1" applyAlignment="1">
      <alignment horizontal="center" vertical="center" shrinkToFit="1"/>
    </xf>
    <xf numFmtId="38" fontId="9" fillId="0" borderId="54" xfId="1" applyFont="1" applyFill="1" applyBorder="1" applyAlignment="1">
      <alignment vertical="center"/>
    </xf>
    <xf numFmtId="182" fontId="9" fillId="0" borderId="39" xfId="3" quotePrefix="1" applyFont="1" applyBorder="1" applyAlignment="1">
      <alignment horizontal="left" vertical="center"/>
    </xf>
    <xf numFmtId="182" fontId="16" fillId="0" borderId="36" xfId="3" applyFont="1" applyBorder="1" applyAlignment="1">
      <alignment horizontal="center" vertical="center"/>
    </xf>
    <xf numFmtId="182" fontId="16" fillId="0" borderId="39" xfId="3" quotePrefix="1" applyFont="1" applyBorder="1" applyAlignment="1">
      <alignment horizontal="left" vertical="center"/>
    </xf>
    <xf numFmtId="182" fontId="9" fillId="0" borderId="34" xfId="3" applyFont="1" applyBorder="1" applyAlignment="1">
      <alignment horizontal="center" vertical="center"/>
    </xf>
    <xf numFmtId="182" fontId="9" fillId="0" borderId="2" xfId="3" applyFont="1" applyBorder="1" applyAlignment="1">
      <alignment vertical="center"/>
    </xf>
    <xf numFmtId="182" fontId="9" fillId="0" borderId="36" xfId="3" applyFont="1" applyBorder="1" applyAlignment="1">
      <alignment horizontal="center" vertical="center" textRotation="255"/>
    </xf>
    <xf numFmtId="182" fontId="16" fillId="0" borderId="36" xfId="3" applyFont="1" applyBorder="1" applyAlignment="1">
      <alignment horizontal="center" vertical="center" textRotation="255"/>
    </xf>
    <xf numFmtId="182" fontId="9" fillId="0" borderId="39" xfId="3" quotePrefix="1" applyFont="1" applyBorder="1" applyAlignment="1">
      <alignment vertical="center"/>
    </xf>
    <xf numFmtId="182" fontId="9" fillId="0" borderId="36" xfId="3" applyFont="1" applyBorder="1" applyAlignment="1">
      <alignment vertical="center"/>
    </xf>
    <xf numFmtId="182" fontId="16" fillId="0" borderId="39" xfId="3" applyFont="1" applyBorder="1" applyAlignment="1">
      <alignment vertical="center"/>
    </xf>
    <xf numFmtId="182" fontId="9" fillId="0" borderId="39" xfId="3" applyFont="1" applyBorder="1" applyAlignment="1">
      <alignment vertical="center"/>
    </xf>
    <xf numFmtId="182" fontId="16" fillId="0" borderId="36" xfId="3" applyFont="1" applyBorder="1" applyAlignment="1">
      <alignment vertical="center"/>
    </xf>
    <xf numFmtId="182" fontId="9" fillId="0" borderId="43" xfId="3" applyFont="1" applyBorder="1" applyAlignment="1">
      <alignment vertical="center"/>
    </xf>
    <xf numFmtId="182" fontId="9" fillId="0" borderId="45" xfId="3" quotePrefix="1" applyFont="1" applyBorder="1" applyAlignment="1">
      <alignment horizontal="left" vertical="center"/>
    </xf>
    <xf numFmtId="182" fontId="16" fillId="0" borderId="43" xfId="3" applyFont="1" applyBorder="1" applyAlignment="1">
      <alignment vertical="center"/>
    </xf>
    <xf numFmtId="182" fontId="16" fillId="0" borderId="45" xfId="3" quotePrefix="1" applyFont="1" applyBorder="1" applyAlignment="1">
      <alignment horizontal="left" vertical="center"/>
    </xf>
    <xf numFmtId="182" fontId="9" fillId="0" borderId="36" xfId="3" quotePrefix="1" applyFont="1" applyBorder="1" applyAlignment="1">
      <alignment horizontal="center" vertical="center"/>
    </xf>
    <xf numFmtId="182" fontId="9" fillId="0" borderId="34" xfId="3" applyFont="1" applyBorder="1" applyAlignment="1">
      <alignment horizontal="center" vertical="center" wrapText="1"/>
    </xf>
    <xf numFmtId="182" fontId="9" fillId="0" borderId="39" xfId="3" quotePrefix="1" applyFont="1" applyBorder="1" applyAlignment="1">
      <alignment horizontal="center" vertical="center"/>
    </xf>
    <xf numFmtId="182" fontId="9" fillId="0" borderId="36" xfId="3" applyFont="1" applyBorder="1" applyAlignment="1">
      <alignment horizontal="center" vertical="center" wrapText="1"/>
    </xf>
    <xf numFmtId="182" fontId="9" fillId="0" borderId="36" xfId="3" applyFont="1" applyBorder="1" applyAlignment="1">
      <alignment vertical="center" textRotation="255" wrapText="1"/>
    </xf>
    <xf numFmtId="182" fontId="9" fillId="0" borderId="36" xfId="3" applyFont="1" applyBorder="1" applyAlignment="1">
      <alignment vertical="center" textRotation="255"/>
    </xf>
    <xf numFmtId="182" fontId="9" fillId="0" borderId="45" xfId="3" applyFont="1" applyBorder="1" applyAlignment="1">
      <alignment vertical="center"/>
    </xf>
    <xf numFmtId="182" fontId="9" fillId="0" borderId="43" xfId="3" applyFont="1" applyBorder="1" applyAlignment="1">
      <alignment vertical="center" textRotation="255"/>
    </xf>
    <xf numFmtId="182" fontId="9" fillId="0" borderId="34" xfId="3" applyFont="1" applyBorder="1" applyAlignment="1">
      <alignment horizontal="center" vertical="top" wrapText="1"/>
    </xf>
    <xf numFmtId="182" fontId="16" fillId="0" borderId="45" xfId="3" applyFont="1" applyBorder="1" applyAlignment="1">
      <alignment vertical="center"/>
    </xf>
    <xf numFmtId="182" fontId="9" fillId="0" borderId="39" xfId="3" applyFont="1" applyBorder="1" applyAlignment="1">
      <alignment horizontal="center" vertical="center"/>
    </xf>
    <xf numFmtId="182" fontId="9" fillId="0" borderId="31" xfId="3" applyFont="1" applyBorder="1" applyAlignment="1">
      <alignment vertical="center"/>
    </xf>
    <xf numFmtId="182" fontId="9" fillId="0" borderId="32" xfId="3" applyFont="1" applyBorder="1" applyAlignment="1">
      <alignment vertical="center"/>
    </xf>
    <xf numFmtId="182" fontId="9" fillId="0" borderId="33" xfId="3" applyFont="1" applyBorder="1" applyAlignment="1">
      <alignment vertical="center"/>
    </xf>
    <xf numFmtId="0" fontId="9" fillId="0" borderId="29" xfId="0" applyFont="1" applyBorder="1" applyAlignment="1">
      <alignment horizontal="left" vertical="center"/>
    </xf>
    <xf numFmtId="0" fontId="9" fillId="0" borderId="27" xfId="0" applyFont="1" applyBorder="1" applyAlignment="1">
      <alignment horizontal="left" vertical="center"/>
    </xf>
    <xf numFmtId="0" fontId="9" fillId="0" borderId="28" xfId="0" applyFont="1" applyBorder="1" applyAlignment="1">
      <alignment horizontal="left" vertical="center"/>
    </xf>
    <xf numFmtId="0" fontId="9" fillId="0" borderId="33" xfId="0" applyFont="1" applyBorder="1" applyAlignment="1">
      <alignment horizontal="left" vertical="center"/>
    </xf>
    <xf numFmtId="182" fontId="9" fillId="0" borderId="39" xfId="3" quotePrefix="1" applyFont="1" applyBorder="1" applyAlignment="1">
      <alignment horizontal="right" vertical="center"/>
    </xf>
    <xf numFmtId="182" fontId="23" fillId="0" borderId="0" xfId="3" applyFont="1" applyAlignment="1">
      <alignment vertical="center"/>
    </xf>
    <xf numFmtId="182" fontId="23" fillId="0" borderId="0" xfId="3" applyFont="1" applyAlignment="1">
      <alignment horizontal="center" vertical="center"/>
    </xf>
    <xf numFmtId="182" fontId="23" fillId="0" borderId="17" xfId="3" applyFont="1" applyBorder="1" applyAlignment="1">
      <alignment horizontal="center" vertical="center"/>
    </xf>
    <xf numFmtId="182" fontId="23" fillId="0" borderId="45" xfId="3" applyFont="1" applyBorder="1" applyAlignment="1">
      <alignment vertical="center"/>
    </xf>
    <xf numFmtId="182" fontId="23" fillId="0" borderId="43" xfId="3" applyFont="1" applyBorder="1" applyAlignment="1">
      <alignment vertical="center"/>
    </xf>
    <xf numFmtId="182" fontId="23" fillId="0" borderId="39" xfId="3" applyFont="1" applyBorder="1" applyAlignment="1">
      <alignment vertical="center"/>
    </xf>
    <xf numFmtId="182" fontId="23" fillId="0" borderId="36" xfId="3" applyFont="1" applyBorder="1" applyAlignment="1">
      <alignment vertical="center"/>
    </xf>
    <xf numFmtId="182" fontId="23" fillId="0" borderId="39" xfId="3" quotePrefix="1" applyFont="1" applyBorder="1" applyAlignment="1">
      <alignment horizontal="left" vertical="center"/>
    </xf>
    <xf numFmtId="182" fontId="23" fillId="0" borderId="36" xfId="3" applyFont="1" applyBorder="1" applyAlignment="1">
      <alignment horizontal="center" vertical="center" textRotation="255"/>
    </xf>
    <xf numFmtId="182" fontId="23" fillId="0" borderId="36" xfId="3" applyFont="1" applyBorder="1" applyAlignment="1">
      <alignment horizontal="center" vertical="center"/>
    </xf>
    <xf numFmtId="182" fontId="23" fillId="0" borderId="39" xfId="3" quotePrefix="1" applyFont="1" applyBorder="1" applyAlignment="1">
      <alignment vertical="center"/>
    </xf>
    <xf numFmtId="182" fontId="23" fillId="0" borderId="45" xfId="3" quotePrefix="1" applyFont="1" applyBorder="1" applyAlignment="1">
      <alignment horizontal="left" vertical="center"/>
    </xf>
    <xf numFmtId="182" fontId="30" fillId="0" borderId="45" xfId="10" quotePrefix="1" applyFont="1" applyBorder="1" applyAlignment="1">
      <alignment horizontal="left" vertical="center"/>
    </xf>
    <xf numFmtId="182" fontId="30" fillId="0" borderId="43" xfId="10" applyFont="1" applyBorder="1" applyAlignment="1">
      <alignment vertical="center"/>
    </xf>
    <xf numFmtId="182" fontId="30" fillId="0" borderId="39" xfId="10" quotePrefix="1" applyFont="1" applyBorder="1" applyAlignment="1">
      <alignment horizontal="left" vertical="center"/>
    </xf>
    <xf numFmtId="182" fontId="30" fillId="0" borderId="36" xfId="10" applyFont="1" applyBorder="1" applyAlignment="1">
      <alignment vertical="center"/>
    </xf>
    <xf numFmtId="182" fontId="9" fillId="0" borderId="39" xfId="10" quotePrefix="1" applyFont="1" applyBorder="1" applyAlignment="1">
      <alignment horizontal="left" vertical="center"/>
    </xf>
    <xf numFmtId="182" fontId="9" fillId="0" borderId="39" xfId="10" applyFont="1" applyBorder="1" applyAlignment="1">
      <alignment vertical="center"/>
    </xf>
    <xf numFmtId="182" fontId="31" fillId="0" borderId="39" xfId="3" quotePrefix="1" applyFont="1" applyBorder="1" applyAlignment="1">
      <alignment vertical="center"/>
    </xf>
    <xf numFmtId="182" fontId="30" fillId="0" borderId="36" xfId="10" applyFont="1" applyBorder="1" applyAlignment="1">
      <alignment horizontal="center" vertical="center" textRotation="255"/>
    </xf>
    <xf numFmtId="182" fontId="30" fillId="0" borderId="36" xfId="10" applyFont="1" applyBorder="1" applyAlignment="1">
      <alignment horizontal="center" vertical="center"/>
    </xf>
    <xf numFmtId="182" fontId="23" fillId="0" borderId="39" xfId="3" quotePrefix="1" applyFont="1" applyBorder="1" applyAlignment="1">
      <alignment horizontal="center" vertical="center"/>
    </xf>
    <xf numFmtId="182" fontId="23" fillId="0" borderId="36" xfId="3" quotePrefix="1" applyFont="1" applyBorder="1" applyAlignment="1">
      <alignment horizontal="center" vertical="center"/>
    </xf>
    <xf numFmtId="182" fontId="16" fillId="0" borderId="39" xfId="10" quotePrefix="1" applyFont="1" applyBorder="1" applyAlignment="1">
      <alignment horizontal="left" vertical="center"/>
    </xf>
    <xf numFmtId="182" fontId="30" fillId="0" borderId="36" xfId="10" quotePrefix="1" applyFont="1" applyBorder="1" applyAlignment="1">
      <alignment horizontal="center" vertical="center"/>
    </xf>
    <xf numFmtId="182" fontId="23" fillId="0" borderId="2" xfId="3" quotePrefix="1" applyFont="1" applyBorder="1" applyAlignment="1">
      <alignment horizontal="left" vertical="center"/>
    </xf>
    <xf numFmtId="182" fontId="9" fillId="0" borderId="45" xfId="10" quotePrefix="1" applyFont="1" applyBorder="1" applyAlignment="1">
      <alignment horizontal="left" vertical="center"/>
    </xf>
    <xf numFmtId="182" fontId="23" fillId="0" borderId="45" xfId="3" applyFont="1" applyBorder="1" applyAlignment="1">
      <alignment horizontal="left" vertical="center"/>
    </xf>
    <xf numFmtId="182" fontId="23" fillId="0" borderId="45" xfId="3" quotePrefix="1" applyFont="1" applyBorder="1" applyAlignment="1">
      <alignment vertical="center"/>
    </xf>
    <xf numFmtId="182" fontId="23" fillId="0" borderId="39" xfId="3" applyFont="1" applyBorder="1" applyAlignment="1">
      <alignment horizontal="left" vertical="center"/>
    </xf>
    <xf numFmtId="182" fontId="31" fillId="0" borderId="39" xfId="3" quotePrefix="1" applyFont="1" applyBorder="1" applyAlignment="1">
      <alignment horizontal="left" vertical="center"/>
    </xf>
    <xf numFmtId="182" fontId="32" fillId="0" borderId="36" xfId="3" applyFont="1" applyBorder="1" applyAlignment="1">
      <alignment horizontal="center" vertical="center"/>
    </xf>
    <xf numFmtId="182" fontId="23" fillId="0" borderId="54" xfId="3" applyFont="1" applyBorder="1" applyAlignment="1">
      <alignment vertical="center"/>
    </xf>
    <xf numFmtId="182" fontId="23" fillId="0" borderId="63" xfId="3" applyFont="1" applyBorder="1" applyAlignment="1">
      <alignment horizontal="center" vertical="center"/>
    </xf>
    <xf numFmtId="182" fontId="16" fillId="0" borderId="54" xfId="10" applyFont="1" applyBorder="1" applyAlignment="1">
      <alignment vertical="center"/>
    </xf>
    <xf numFmtId="182" fontId="30" fillId="0" borderId="63" xfId="10" applyFont="1" applyBorder="1" applyAlignment="1">
      <alignment horizontal="center" vertical="center"/>
    </xf>
    <xf numFmtId="182" fontId="23" fillId="0" borderId="20" xfId="3" applyFont="1" applyBorder="1" applyAlignment="1">
      <alignment vertical="center"/>
    </xf>
    <xf numFmtId="182" fontId="23" fillId="0" borderId="13" xfId="3" applyFont="1" applyBorder="1" applyAlignment="1">
      <alignment horizontal="center" vertical="center"/>
    </xf>
    <xf numFmtId="182" fontId="16" fillId="0" borderId="20" xfId="10" applyFont="1" applyBorder="1" applyAlignment="1">
      <alignment vertical="center"/>
    </xf>
    <xf numFmtId="182" fontId="30" fillId="0" borderId="13" xfId="10" applyFont="1" applyBorder="1" applyAlignment="1">
      <alignment horizontal="center" vertical="center"/>
    </xf>
    <xf numFmtId="182" fontId="23" fillId="0" borderId="11" xfId="3" applyFont="1" applyBorder="1" applyAlignment="1">
      <alignment horizontal="center" vertical="center"/>
    </xf>
    <xf numFmtId="182" fontId="30" fillId="0" borderId="17" xfId="10" applyFont="1" applyBorder="1" applyAlignment="1">
      <alignment horizontal="center" vertical="center"/>
    </xf>
    <xf numFmtId="182" fontId="30" fillId="0" borderId="11" xfId="10" applyFont="1" applyBorder="1" applyAlignment="1">
      <alignment horizontal="center" vertical="center"/>
    </xf>
    <xf numFmtId="182" fontId="23" fillId="0" borderId="17" xfId="3" applyFont="1" applyBorder="1" applyAlignment="1">
      <alignment vertical="center" wrapText="1"/>
    </xf>
    <xf numFmtId="182" fontId="23" fillId="0" borderId="13" xfId="3" applyFont="1" applyBorder="1" applyAlignment="1">
      <alignment horizontal="center" vertical="center" wrapText="1"/>
    </xf>
    <xf numFmtId="182" fontId="23" fillId="0" borderId="11" xfId="3" applyFont="1" applyBorder="1" applyAlignment="1">
      <alignment horizontal="center" vertical="center" wrapText="1"/>
    </xf>
    <xf numFmtId="182" fontId="33" fillId="0" borderId="20" xfId="3" applyFont="1" applyBorder="1" applyAlignment="1">
      <alignment vertical="center"/>
    </xf>
    <xf numFmtId="183" fontId="23" fillId="0" borderId="20" xfId="3" applyNumberFormat="1" applyFont="1" applyBorder="1" applyAlignment="1">
      <alignment vertical="center"/>
    </xf>
    <xf numFmtId="182" fontId="23" fillId="0" borderId="47" xfId="3" applyFont="1" applyBorder="1" applyAlignment="1">
      <alignment vertical="center"/>
    </xf>
    <xf numFmtId="182" fontId="23" fillId="0" borderId="46" xfId="3" applyFont="1" applyBorder="1" applyAlignment="1">
      <alignment horizontal="center" vertical="center"/>
    </xf>
    <xf numFmtId="182" fontId="16" fillId="0" borderId="47" xfId="10" applyFont="1" applyBorder="1" applyAlignment="1">
      <alignment vertical="center"/>
    </xf>
    <xf numFmtId="182" fontId="30" fillId="0" borderId="46" xfId="10" applyFont="1" applyBorder="1" applyAlignment="1">
      <alignment horizontal="center" vertical="center"/>
    </xf>
    <xf numFmtId="0" fontId="9" fillId="0" borderId="8" xfId="0" applyFont="1" applyBorder="1" applyAlignment="1">
      <alignment horizontal="center" vertical="center" wrapText="1"/>
    </xf>
    <xf numFmtId="0" fontId="9" fillId="0" borderId="9" xfId="0" applyFont="1" applyBorder="1" applyAlignment="1">
      <alignment horizontal="center" vertical="center" wrapText="1"/>
    </xf>
    <xf numFmtId="0" fontId="9" fillId="0" borderId="55" xfId="0" applyFont="1" applyBorder="1" applyAlignment="1">
      <alignment horizontal="center" vertical="center" wrapText="1"/>
    </xf>
    <xf numFmtId="0" fontId="9" fillId="0" borderId="57" xfId="0" applyFont="1" applyBorder="1" applyAlignment="1">
      <alignment vertical="center" wrapText="1"/>
    </xf>
    <xf numFmtId="0" fontId="0" fillId="0" borderId="58" xfId="0" applyBorder="1">
      <alignment vertical="center"/>
    </xf>
    <xf numFmtId="0" fontId="0" fillId="0" borderId="59" xfId="0" applyBorder="1">
      <alignment vertical="center"/>
    </xf>
    <xf numFmtId="0" fontId="0" fillId="0" borderId="60" xfId="0" applyBorder="1">
      <alignment vertical="center"/>
    </xf>
    <xf numFmtId="0" fontId="0" fillId="0" borderId="61" xfId="0" applyBorder="1">
      <alignment vertical="center"/>
    </xf>
    <xf numFmtId="0" fontId="0" fillId="0" borderId="62" xfId="0" applyBorder="1">
      <alignment vertical="center"/>
    </xf>
    <xf numFmtId="0" fontId="9" fillId="0" borderId="11" xfId="0" applyFont="1" applyBorder="1" applyAlignment="1">
      <alignment horizontal="center" vertical="center" textRotation="255"/>
    </xf>
    <xf numFmtId="0" fontId="9" fillId="0" borderId="13" xfId="0" applyFont="1" applyBorder="1" applyAlignment="1">
      <alignment horizontal="center" vertical="center" textRotation="255"/>
    </xf>
    <xf numFmtId="0" fontId="9" fillId="0" borderId="17" xfId="0" applyFont="1" applyBorder="1" applyAlignment="1">
      <alignment horizontal="center" vertical="center" textRotation="255"/>
    </xf>
    <xf numFmtId="0" fontId="9" fillId="0" borderId="12" xfId="0" quotePrefix="1" applyFont="1" applyBorder="1" applyAlignment="1">
      <alignment horizontal="left" vertical="center"/>
    </xf>
    <xf numFmtId="0" fontId="9" fillId="0" borderId="9" xfId="0" applyFont="1" applyBorder="1" applyAlignment="1">
      <alignment horizontal="left" vertical="center"/>
    </xf>
    <xf numFmtId="0" fontId="9" fillId="0" borderId="10" xfId="0" applyFont="1" applyBorder="1" applyAlignment="1">
      <alignment horizontal="left" vertical="center"/>
    </xf>
    <xf numFmtId="0" fontId="9" fillId="0" borderId="9" xfId="0" quotePrefix="1" applyFont="1" applyBorder="1" applyAlignment="1">
      <alignment horizontal="left" vertical="center"/>
    </xf>
    <xf numFmtId="0" fontId="9" fillId="0" borderId="10" xfId="0" quotePrefix="1" applyFont="1" applyBorder="1" applyAlignment="1">
      <alignment horizontal="left" vertical="center"/>
    </xf>
    <xf numFmtId="0" fontId="9" fillId="0" borderId="4" xfId="0" applyFont="1" applyBorder="1" applyAlignment="1">
      <alignment horizontal="left" vertical="center"/>
    </xf>
    <xf numFmtId="0" fontId="9" fillId="0" borderId="5" xfId="0" applyFont="1" applyBorder="1" applyAlignment="1">
      <alignment horizontal="left" vertical="center"/>
    </xf>
    <xf numFmtId="0" fontId="9" fillId="0" borderId="6" xfId="0" applyFont="1" applyBorder="1" applyAlignment="1">
      <alignment horizontal="left" vertical="center"/>
    </xf>
    <xf numFmtId="0" fontId="9" fillId="0" borderId="8" xfId="0" applyFont="1" applyBorder="1" applyAlignment="1">
      <alignment horizontal="left" vertical="center"/>
    </xf>
    <xf numFmtId="0" fontId="9" fillId="0" borderId="12" xfId="0" applyFont="1" applyBorder="1" applyAlignment="1">
      <alignment horizontal="left" vertical="center"/>
    </xf>
    <xf numFmtId="0" fontId="9" fillId="0" borderId="42" xfId="0" applyFont="1" applyBorder="1" applyAlignment="1">
      <alignment horizontal="left" vertical="center"/>
    </xf>
    <xf numFmtId="0" fontId="9" fillId="0" borderId="25" xfId="0" applyFont="1" applyBorder="1" applyAlignment="1">
      <alignment horizontal="left" vertical="center"/>
    </xf>
    <xf numFmtId="0" fontId="9" fillId="0" borderId="26" xfId="0" applyFont="1" applyBorder="1" applyAlignment="1">
      <alignment horizontal="left" vertical="center"/>
    </xf>
    <xf numFmtId="0" fontId="9" fillId="0" borderId="11" xfId="0" applyFont="1" applyBorder="1" applyAlignment="1">
      <alignment horizontal="center" vertical="center" textRotation="255" wrapText="1"/>
    </xf>
    <xf numFmtId="0" fontId="9" fillId="0" borderId="18" xfId="0" applyFont="1" applyBorder="1" applyAlignment="1">
      <alignment horizontal="left" vertical="center"/>
    </xf>
    <xf numFmtId="0" fontId="9" fillId="0" borderId="42" xfId="0" applyFont="1" applyBorder="1" applyAlignment="1">
      <alignment horizontal="center" vertical="center" textRotation="255"/>
    </xf>
    <xf numFmtId="0" fontId="9" fillId="0" borderId="36" xfId="0" applyFont="1" applyBorder="1" applyAlignment="1">
      <alignment horizontal="center" vertical="center" textRotation="255"/>
    </xf>
    <xf numFmtId="0" fontId="9" fillId="0" borderId="38" xfId="0" applyFont="1" applyBorder="1" applyAlignment="1">
      <alignment horizontal="center" vertical="center" textRotation="255"/>
    </xf>
    <xf numFmtId="0" fontId="9" fillId="0" borderId="18" xfId="0" applyFont="1" applyBorder="1" applyAlignment="1">
      <alignment horizontal="center" vertical="center" wrapText="1"/>
    </xf>
    <xf numFmtId="0" fontId="9" fillId="0" borderId="19" xfId="0" applyFont="1" applyBorder="1" applyAlignment="1">
      <alignment horizontal="center" vertical="center" wrapText="1"/>
    </xf>
    <xf numFmtId="0" fontId="9" fillId="0" borderId="21" xfId="0" applyFont="1" applyBorder="1" applyAlignment="1">
      <alignment horizontal="center" vertical="center" wrapText="1"/>
    </xf>
    <xf numFmtId="0" fontId="9" fillId="0" borderId="22" xfId="0" applyFont="1" applyBorder="1" applyAlignment="1">
      <alignment horizontal="center" vertical="center" wrapText="1"/>
    </xf>
    <xf numFmtId="0" fontId="9" fillId="0" borderId="23" xfId="0" applyFont="1" applyBorder="1" applyAlignment="1">
      <alignment horizontal="center" vertical="center" wrapText="1"/>
    </xf>
    <xf numFmtId="0" fontId="9" fillId="0" borderId="24" xfId="0" applyFont="1" applyBorder="1" applyAlignment="1">
      <alignment horizontal="center" vertical="center" wrapText="1"/>
    </xf>
    <xf numFmtId="0" fontId="9" fillId="0" borderId="34" xfId="0" applyFont="1" applyBorder="1" applyAlignment="1">
      <alignment horizontal="left" vertical="center"/>
    </xf>
    <xf numFmtId="0" fontId="9" fillId="0" borderId="35" xfId="0" applyFont="1" applyBorder="1" applyAlignment="1">
      <alignment horizontal="left" vertical="center"/>
    </xf>
    <xf numFmtId="0" fontId="9" fillId="0" borderId="2" xfId="0" applyFont="1" applyBorder="1" applyAlignment="1">
      <alignment horizontal="left" vertical="center"/>
    </xf>
    <xf numFmtId="0" fontId="9" fillId="0" borderId="36" xfId="0" applyFont="1" applyBorder="1" applyAlignment="1">
      <alignment horizontal="left" vertical="center"/>
    </xf>
    <xf numFmtId="0" fontId="9" fillId="0" borderId="0" xfId="0" applyFont="1" applyAlignment="1">
      <alignment horizontal="left" vertical="center"/>
    </xf>
    <xf numFmtId="0" fontId="9" fillId="0" borderId="39" xfId="0" applyFont="1" applyBorder="1" applyAlignment="1">
      <alignment horizontal="left" vertical="center"/>
    </xf>
    <xf numFmtId="0" fontId="9" fillId="0" borderId="38" xfId="0" applyFont="1" applyBorder="1" applyAlignment="1">
      <alignment horizontal="left" vertical="center"/>
    </xf>
    <xf numFmtId="0" fontId="9" fillId="0" borderId="40" xfId="0" applyFont="1" applyBorder="1" applyAlignment="1">
      <alignment horizontal="left" vertical="center"/>
    </xf>
    <xf numFmtId="0" fontId="9" fillId="0" borderId="41" xfId="0" applyFont="1" applyBorder="1" applyAlignment="1">
      <alignment horizontal="left" vertical="center"/>
    </xf>
    <xf numFmtId="0" fontId="9" fillId="0" borderId="67" xfId="0" quotePrefix="1" applyFont="1" applyBorder="1" applyAlignment="1">
      <alignment horizontal="left" vertical="center"/>
    </xf>
    <xf numFmtId="0" fontId="9" fillId="0" borderId="29" xfId="0" applyFont="1" applyBorder="1" applyAlignment="1">
      <alignment horizontal="left" vertical="center"/>
    </xf>
    <xf numFmtId="0" fontId="9" fillId="0" borderId="18" xfId="0" quotePrefix="1" applyFont="1" applyBorder="1" applyAlignment="1">
      <alignment horizontal="left" vertical="center"/>
    </xf>
    <xf numFmtId="0" fontId="9" fillId="0" borderId="27" xfId="0" applyFont="1" applyBorder="1" applyAlignment="1">
      <alignment horizontal="left" vertical="center"/>
    </xf>
    <xf numFmtId="0" fontId="9" fillId="0" borderId="28" xfId="0" applyFont="1" applyBorder="1" applyAlignment="1">
      <alignment horizontal="left" vertical="center"/>
    </xf>
    <xf numFmtId="0" fontId="9" fillId="0" borderId="44" xfId="0" applyFont="1" applyBorder="1" applyAlignment="1">
      <alignment horizontal="left" vertical="center"/>
    </xf>
    <xf numFmtId="0" fontId="9" fillId="0" borderId="46" xfId="0" applyFont="1" applyBorder="1" applyAlignment="1">
      <alignment horizontal="center" vertical="center" textRotation="255"/>
    </xf>
    <xf numFmtId="0" fontId="9" fillId="0" borderId="48" xfId="0" applyFont="1" applyBorder="1" applyAlignment="1">
      <alignment horizontal="left" vertical="center"/>
    </xf>
    <xf numFmtId="0" fontId="9" fillId="0" borderId="12" xfId="0" applyFont="1" applyBorder="1" applyAlignment="1">
      <alignment horizontal="left" vertical="center" shrinkToFit="1"/>
    </xf>
    <xf numFmtId="0" fontId="9" fillId="0" borderId="9" xfId="0" applyFont="1" applyBorder="1" applyAlignment="1">
      <alignment horizontal="left" vertical="center" shrinkToFit="1"/>
    </xf>
    <xf numFmtId="0" fontId="9" fillId="0" borderId="10" xfId="0" applyFont="1" applyBorder="1" applyAlignment="1">
      <alignment horizontal="left" vertical="center" shrinkToFit="1"/>
    </xf>
    <xf numFmtId="0" fontId="9" fillId="0" borderId="14" xfId="0" applyFont="1" applyBorder="1" applyAlignment="1">
      <alignment horizontal="center" vertical="center" textRotation="255"/>
    </xf>
    <xf numFmtId="0" fontId="9" fillId="0" borderId="15" xfId="0" applyFont="1" applyBorder="1" applyAlignment="1">
      <alignment horizontal="center" vertical="center" textRotation="255"/>
    </xf>
    <xf numFmtId="0" fontId="9" fillId="0" borderId="16" xfId="0" applyFont="1" applyBorder="1" applyAlignment="1">
      <alignment horizontal="center" vertical="center" textRotation="255"/>
    </xf>
    <xf numFmtId="0" fontId="9" fillId="0" borderId="23" xfId="0" applyFont="1" applyBorder="1" applyAlignment="1">
      <alignment horizontal="left" vertical="center"/>
    </xf>
    <xf numFmtId="0" fontId="9" fillId="0" borderId="42" xfId="0" applyFont="1" applyBorder="1" applyAlignment="1">
      <alignment horizontal="center" vertical="center" textRotation="255" wrapText="1"/>
    </xf>
    <xf numFmtId="0" fontId="9" fillId="0" borderId="19" xfId="0" applyFont="1" applyBorder="1" applyAlignment="1">
      <alignment horizontal="center" vertical="center" textRotation="255" wrapText="1"/>
    </xf>
    <xf numFmtId="0" fontId="9" fillId="0" borderId="36" xfId="0" applyFont="1" applyBorder="1" applyAlignment="1">
      <alignment horizontal="center" vertical="center" textRotation="255" wrapText="1"/>
    </xf>
    <xf numFmtId="0" fontId="9" fillId="0" borderId="22" xfId="0" applyFont="1" applyBorder="1" applyAlignment="1">
      <alignment horizontal="center" vertical="center" textRotation="255" wrapText="1"/>
    </xf>
    <xf numFmtId="0" fontId="9" fillId="0" borderId="38" xfId="0" applyFont="1" applyBorder="1" applyAlignment="1">
      <alignment horizontal="center" vertical="center" textRotation="255" wrapText="1"/>
    </xf>
    <xf numFmtId="0" fontId="9" fillId="0" borderId="24" xfId="0" applyFont="1" applyBorder="1" applyAlignment="1">
      <alignment horizontal="center" vertical="center" textRotation="255" wrapText="1"/>
    </xf>
    <xf numFmtId="0" fontId="9" fillId="0" borderId="8" xfId="0" applyFont="1" applyBorder="1" applyAlignment="1">
      <alignment horizontal="left" vertical="center" shrinkToFit="1"/>
    </xf>
    <xf numFmtId="0" fontId="9" fillId="0" borderId="42" xfId="0" applyFont="1" applyBorder="1" applyAlignment="1">
      <alignment horizontal="center" vertical="center" wrapText="1"/>
    </xf>
    <xf numFmtId="0" fontId="9" fillId="0" borderId="25" xfId="0" applyFont="1" applyBorder="1" applyAlignment="1">
      <alignment horizontal="center" vertical="center"/>
    </xf>
    <xf numFmtId="0" fontId="9" fillId="0" borderId="19" xfId="0" applyFont="1" applyBorder="1" applyAlignment="1">
      <alignment horizontal="center" vertical="center"/>
    </xf>
    <xf numFmtId="0" fontId="9" fillId="0" borderId="38" xfId="0" applyFont="1" applyBorder="1" applyAlignment="1">
      <alignment horizontal="center" vertical="center"/>
    </xf>
    <xf numFmtId="0" fontId="9" fillId="0" borderId="40" xfId="0" applyFont="1" applyBorder="1" applyAlignment="1">
      <alignment horizontal="center" vertical="center"/>
    </xf>
    <xf numFmtId="0" fontId="9" fillId="0" borderId="24" xfId="0" applyFont="1" applyBorder="1" applyAlignment="1">
      <alignment horizontal="center" vertical="center"/>
    </xf>
    <xf numFmtId="182" fontId="9" fillId="0" borderId="3" xfId="3" applyFont="1" applyBorder="1" applyAlignment="1">
      <alignment horizontal="center" vertical="center"/>
    </xf>
    <xf numFmtId="182" fontId="9" fillId="0" borderId="3" xfId="3" quotePrefix="1" applyFont="1" applyBorder="1" applyAlignment="1">
      <alignment horizontal="center" vertical="center"/>
    </xf>
    <xf numFmtId="182" fontId="9" fillId="0" borderId="34" xfId="3" applyFont="1" applyBorder="1" applyAlignment="1">
      <alignment horizontal="center" vertical="center"/>
    </xf>
    <xf numFmtId="182" fontId="9" fillId="0" borderId="2" xfId="3" applyFont="1" applyBorder="1" applyAlignment="1">
      <alignment horizontal="center" vertical="center"/>
    </xf>
    <xf numFmtId="182" fontId="9" fillId="0" borderId="43" xfId="3" applyFont="1" applyBorder="1" applyAlignment="1">
      <alignment horizontal="center" vertical="center"/>
    </xf>
    <xf numFmtId="182" fontId="9" fillId="0" borderId="45" xfId="3" applyFont="1" applyBorder="1" applyAlignment="1">
      <alignment horizontal="center" vertical="center"/>
    </xf>
    <xf numFmtId="182" fontId="23" fillId="0" borderId="3" xfId="3" applyFont="1" applyBorder="1" applyAlignment="1">
      <alignment horizontal="center" vertical="center"/>
    </xf>
    <xf numFmtId="182" fontId="23" fillId="0" borderId="3" xfId="3" quotePrefix="1" applyFont="1" applyBorder="1" applyAlignment="1">
      <alignment horizontal="center" vertical="center"/>
    </xf>
    <xf numFmtId="182" fontId="23" fillId="0" borderId="17" xfId="3" applyFont="1" applyBorder="1" applyAlignment="1">
      <alignment horizontal="center" vertical="center"/>
    </xf>
    <xf numFmtId="182" fontId="23" fillId="0" borderId="53" xfId="3" quotePrefix="1" applyFont="1" applyBorder="1" applyAlignment="1">
      <alignment horizontal="center" vertical="center"/>
    </xf>
    <xf numFmtId="182" fontId="23" fillId="0" borderId="56" xfId="3" quotePrefix="1" applyFont="1" applyBorder="1" applyAlignment="1">
      <alignment horizontal="center" vertical="center"/>
    </xf>
    <xf numFmtId="182" fontId="23" fillId="0" borderId="54" xfId="3" quotePrefix="1" applyFont="1" applyBorder="1" applyAlignment="1">
      <alignment horizontal="center" vertical="center"/>
    </xf>
    <xf numFmtId="182" fontId="23" fillId="0" borderId="34" xfId="3" applyFont="1" applyBorder="1" applyAlignment="1">
      <alignment horizontal="center" vertical="center"/>
    </xf>
    <xf numFmtId="182" fontId="23" fillId="0" borderId="2" xfId="3" applyFont="1" applyBorder="1" applyAlignment="1">
      <alignment horizontal="center" vertical="center"/>
    </xf>
    <xf numFmtId="182" fontId="23" fillId="0" borderId="43" xfId="3" applyFont="1" applyBorder="1" applyAlignment="1">
      <alignment horizontal="center" vertical="center"/>
    </xf>
    <xf numFmtId="182" fontId="23" fillId="0" borderId="45" xfId="3" applyFont="1" applyBorder="1" applyAlignment="1">
      <alignment horizontal="center" vertical="center"/>
    </xf>
    <xf numFmtId="182" fontId="23" fillId="0" borderId="3" xfId="3" applyFont="1" applyBorder="1" applyAlignment="1">
      <alignment horizontal="center" vertical="center" wrapText="1"/>
    </xf>
    <xf numFmtId="182" fontId="16" fillId="0" borderId="17" xfId="3" applyFont="1" applyBorder="1" applyAlignment="1">
      <alignment horizontal="center" vertical="center"/>
    </xf>
    <xf numFmtId="182" fontId="16" fillId="0" borderId="53" xfId="3" quotePrefix="1" applyFont="1" applyBorder="1" applyAlignment="1">
      <alignment horizontal="center" vertical="center"/>
    </xf>
    <xf numFmtId="182" fontId="16" fillId="0" borderId="56" xfId="3" quotePrefix="1" applyFont="1" applyBorder="1" applyAlignment="1">
      <alignment horizontal="center" vertical="center"/>
    </xf>
    <xf numFmtId="182" fontId="16" fillId="0" borderId="54" xfId="3" quotePrefix="1" applyFont="1" applyBorder="1" applyAlignment="1">
      <alignment horizontal="center" vertical="center"/>
    </xf>
    <xf numFmtId="182" fontId="9" fillId="0" borderId="17" xfId="3" applyFont="1" applyBorder="1" applyAlignment="1">
      <alignment horizontal="center" vertical="center"/>
    </xf>
    <xf numFmtId="182" fontId="9" fillId="0" borderId="53" xfId="3" applyFont="1" applyBorder="1" applyAlignment="1">
      <alignment horizontal="center" vertical="center"/>
    </xf>
    <xf numFmtId="182" fontId="9" fillId="0" borderId="56" xfId="3" applyFont="1" applyBorder="1" applyAlignment="1">
      <alignment horizontal="center" vertical="center"/>
    </xf>
    <xf numFmtId="182" fontId="9" fillId="0" borderId="54" xfId="3" applyFont="1" applyBorder="1" applyAlignment="1">
      <alignment horizontal="center" vertical="center"/>
    </xf>
    <xf numFmtId="182" fontId="23" fillId="0" borderId="53" xfId="3" applyFont="1" applyBorder="1" applyAlignment="1">
      <alignment horizontal="center" vertical="center"/>
    </xf>
    <xf numFmtId="182" fontId="23" fillId="0" borderId="56" xfId="3" applyFont="1" applyBorder="1" applyAlignment="1">
      <alignment horizontal="center" vertical="center"/>
    </xf>
    <xf numFmtId="182" fontId="23" fillId="0" borderId="54" xfId="3" applyFont="1" applyBorder="1" applyAlignment="1">
      <alignment horizontal="center" vertical="center"/>
    </xf>
    <xf numFmtId="182" fontId="9" fillId="0" borderId="53" xfId="3" quotePrefix="1" applyFont="1" applyBorder="1" applyAlignment="1">
      <alignment horizontal="center" vertical="center"/>
    </xf>
    <xf numFmtId="182" fontId="9" fillId="0" borderId="56" xfId="3" quotePrefix="1" applyFont="1" applyBorder="1" applyAlignment="1">
      <alignment horizontal="center" vertical="center"/>
    </xf>
    <xf numFmtId="182" fontId="9" fillId="0" borderId="54" xfId="3" quotePrefix="1" applyFont="1" applyBorder="1" applyAlignment="1">
      <alignment horizontal="center" vertical="center"/>
    </xf>
    <xf numFmtId="182" fontId="9" fillId="0" borderId="33" xfId="3" applyFont="1" applyBorder="1" applyAlignment="1">
      <alignment horizontal="center" vertical="center"/>
    </xf>
    <xf numFmtId="182" fontId="23" fillId="0" borderId="33" xfId="3" applyFont="1" applyBorder="1" applyAlignment="1">
      <alignment horizontal="center" vertical="center"/>
    </xf>
    <xf numFmtId="182" fontId="9" fillId="0" borderId="34" xfId="3" applyFont="1" applyBorder="1" applyAlignment="1">
      <alignment horizontal="center" vertical="center" wrapText="1"/>
    </xf>
    <xf numFmtId="182" fontId="12" fillId="0" borderId="35" xfId="3" applyBorder="1" applyAlignment="1">
      <alignment horizontal="center" vertical="center" wrapText="1"/>
    </xf>
    <xf numFmtId="182" fontId="12" fillId="0" borderId="2" xfId="3" applyBorder="1" applyAlignment="1">
      <alignment horizontal="center" vertical="center" wrapText="1"/>
    </xf>
    <xf numFmtId="182" fontId="12" fillId="0" borderId="43" xfId="3" applyBorder="1" applyAlignment="1">
      <alignment horizontal="center" vertical="center" wrapText="1"/>
    </xf>
    <xf numFmtId="182" fontId="12" fillId="0" borderId="44" xfId="3" applyBorder="1" applyAlignment="1">
      <alignment horizontal="center" vertical="center" wrapText="1"/>
    </xf>
    <xf numFmtId="182" fontId="12" fillId="0" borderId="45" xfId="3" applyBorder="1" applyAlignment="1">
      <alignment horizontal="center" vertical="center" wrapText="1"/>
    </xf>
    <xf numFmtId="182" fontId="9" fillId="0" borderId="27" xfId="3" applyFont="1" applyBorder="1" applyAlignment="1">
      <alignment horizontal="center" vertical="center"/>
    </xf>
    <xf numFmtId="182" fontId="9" fillId="0" borderId="29" xfId="3" applyFont="1" applyBorder="1" applyAlignment="1">
      <alignment horizontal="center" vertical="center"/>
    </xf>
    <xf numFmtId="182" fontId="23" fillId="0" borderId="27" xfId="3" applyFont="1" applyBorder="1" applyAlignment="1">
      <alignment horizontal="center" vertical="center"/>
    </xf>
    <xf numFmtId="182" fontId="23" fillId="0" borderId="29" xfId="3" applyFont="1" applyBorder="1" applyAlignment="1">
      <alignment horizontal="center" vertical="center"/>
    </xf>
    <xf numFmtId="182" fontId="16" fillId="0" borderId="33" xfId="3" applyFont="1" applyBorder="1" applyAlignment="1">
      <alignment horizontal="center" vertical="center"/>
    </xf>
    <xf numFmtId="182" fontId="9" fillId="0" borderId="8" xfId="3" applyFont="1" applyBorder="1" applyAlignment="1">
      <alignment horizontal="center" vertical="center"/>
    </xf>
    <xf numFmtId="182" fontId="9" fillId="0" borderId="10" xfId="3" applyFont="1" applyBorder="1" applyAlignment="1">
      <alignment horizontal="center" vertical="center"/>
    </xf>
    <xf numFmtId="182" fontId="23" fillId="0" borderId="32" xfId="3" applyFont="1" applyBorder="1" applyAlignment="1">
      <alignment horizontal="center" vertical="center"/>
    </xf>
    <xf numFmtId="182" fontId="9" fillId="0" borderId="32" xfId="3" applyFont="1" applyBorder="1" applyAlignment="1">
      <alignment horizontal="center" vertical="center"/>
    </xf>
    <xf numFmtId="182" fontId="23" fillId="0" borderId="8" xfId="3" applyFont="1" applyBorder="1" applyAlignment="1">
      <alignment horizontal="center" vertical="center"/>
    </xf>
    <xf numFmtId="182" fontId="23" fillId="0" borderId="10" xfId="3" applyFont="1" applyBorder="1" applyAlignment="1">
      <alignment horizontal="center" vertical="center"/>
    </xf>
    <xf numFmtId="182" fontId="16" fillId="0" borderId="32" xfId="3" applyFont="1" applyBorder="1" applyAlignment="1">
      <alignment horizontal="center" vertical="center"/>
    </xf>
    <xf numFmtId="182" fontId="9" fillId="0" borderId="25" xfId="3" applyFont="1" applyBorder="1" applyAlignment="1">
      <alignment horizontal="left" vertical="center"/>
    </xf>
    <xf numFmtId="182" fontId="9" fillId="0" borderId="26" xfId="3" applyFont="1" applyBorder="1" applyAlignment="1">
      <alignment horizontal="left" vertical="center"/>
    </xf>
    <xf numFmtId="182" fontId="9" fillId="0" borderId="44" xfId="3" applyFont="1" applyBorder="1" applyAlignment="1">
      <alignment horizontal="left" vertical="center"/>
    </xf>
    <xf numFmtId="182" fontId="9" fillId="0" borderId="45" xfId="3" applyFont="1" applyBorder="1" applyAlignment="1">
      <alignment horizontal="left" vertical="center"/>
    </xf>
    <xf numFmtId="182" fontId="9" fillId="0" borderId="9" xfId="3" applyFont="1" applyBorder="1" applyAlignment="1">
      <alignment horizontal="left" vertical="center"/>
    </xf>
    <xf numFmtId="182" fontId="9" fillId="0" borderId="10" xfId="3" applyFont="1" applyBorder="1" applyAlignment="1">
      <alignment horizontal="left" vertical="center"/>
    </xf>
    <xf numFmtId="182" fontId="9" fillId="0" borderId="4" xfId="3" applyFont="1" applyBorder="1" applyAlignment="1">
      <alignment horizontal="center" vertical="center"/>
    </xf>
    <xf numFmtId="182" fontId="9" fillId="0" borderId="6" xfId="3" applyFont="1" applyBorder="1" applyAlignment="1">
      <alignment horizontal="center" vertical="center"/>
    </xf>
    <xf numFmtId="182" fontId="23" fillId="0" borderId="31" xfId="3" applyFont="1" applyBorder="1" applyAlignment="1">
      <alignment horizontal="center" vertical="center"/>
    </xf>
    <xf numFmtId="182" fontId="9" fillId="0" borderId="31" xfId="3" applyFont="1" applyBorder="1" applyAlignment="1">
      <alignment horizontal="center" vertical="center"/>
    </xf>
    <xf numFmtId="182" fontId="16" fillId="0" borderId="31" xfId="3" applyFont="1" applyBorder="1" applyAlignment="1">
      <alignment horizontal="center" vertical="center"/>
    </xf>
    <xf numFmtId="182" fontId="9" fillId="0" borderId="12" xfId="3" applyFont="1" applyBorder="1" applyAlignment="1">
      <alignment horizontal="left" vertical="center"/>
    </xf>
    <xf numFmtId="182" fontId="23" fillId="0" borderId="4" xfId="3" applyFont="1" applyBorder="1" applyAlignment="1">
      <alignment horizontal="center" vertical="center"/>
    </xf>
    <xf numFmtId="182" fontId="23" fillId="0" borderId="6" xfId="3" applyFont="1" applyBorder="1" applyAlignment="1">
      <alignment horizontal="center" vertical="center"/>
    </xf>
    <xf numFmtId="57" fontId="9" fillId="0" borderId="3" xfId="3" applyNumberFormat="1" applyFont="1" applyBorder="1" applyAlignment="1">
      <alignment horizontal="center" vertical="center"/>
    </xf>
    <xf numFmtId="57" fontId="23" fillId="0" borderId="3" xfId="3" applyNumberFormat="1" applyFont="1" applyBorder="1" applyAlignment="1">
      <alignment horizontal="center" vertical="center"/>
    </xf>
    <xf numFmtId="182" fontId="9" fillId="0" borderId="6" xfId="3" applyFont="1" applyBorder="1" applyAlignment="1">
      <alignment horizontal="center" vertical="center" textRotation="255"/>
    </xf>
    <xf numFmtId="182" fontId="9" fillId="0" borderId="10" xfId="3" applyFont="1" applyBorder="1" applyAlignment="1">
      <alignment horizontal="center" vertical="center" textRotation="255"/>
    </xf>
    <xf numFmtId="182" fontId="9" fillId="0" borderId="29" xfId="3" applyFont="1" applyBorder="1" applyAlignment="1">
      <alignment horizontal="center" vertical="center" textRotation="255"/>
    </xf>
    <xf numFmtId="182" fontId="9" fillId="0" borderId="24" xfId="3" applyFont="1" applyBorder="1" applyAlignment="1">
      <alignment horizontal="center" vertical="center" textRotation="255"/>
    </xf>
    <xf numFmtId="182" fontId="9" fillId="0" borderId="55" xfId="3" applyFont="1" applyBorder="1" applyAlignment="1">
      <alignment horizontal="center" vertical="center" textRotation="255"/>
    </xf>
    <xf numFmtId="182" fontId="9" fillId="0" borderId="23" xfId="3" applyFont="1" applyBorder="1" applyAlignment="1">
      <alignment horizontal="left" vertical="center"/>
    </xf>
    <xf numFmtId="182" fontId="9" fillId="0" borderId="41" xfId="3" applyFont="1" applyBorder="1" applyAlignment="1">
      <alignment horizontal="left" vertical="center"/>
    </xf>
    <xf numFmtId="57" fontId="23" fillId="0" borderId="64" xfId="3" applyNumberFormat="1" applyFont="1" applyBorder="1" applyAlignment="1">
      <alignment horizontal="center" vertical="center"/>
    </xf>
    <xf numFmtId="57" fontId="23" fillId="0" borderId="7" xfId="3" applyNumberFormat="1" applyFont="1" applyBorder="1" applyAlignment="1">
      <alignment horizontal="center" vertical="center"/>
    </xf>
    <xf numFmtId="57" fontId="16" fillId="0" borderId="3" xfId="3" applyNumberFormat="1" applyFont="1" applyBorder="1" applyAlignment="1">
      <alignment horizontal="center" vertical="center"/>
    </xf>
    <xf numFmtId="182" fontId="9" fillId="0" borderId="65" xfId="3" applyFont="1" applyBorder="1" applyAlignment="1">
      <alignment horizontal="left" vertical="center"/>
    </xf>
    <xf numFmtId="182" fontId="9" fillId="0" borderId="7" xfId="3" applyFont="1" applyBorder="1" applyAlignment="1">
      <alignment horizontal="left" vertical="center"/>
    </xf>
    <xf numFmtId="182" fontId="9" fillId="0" borderId="64" xfId="3" applyFont="1" applyBorder="1" applyAlignment="1">
      <alignment horizontal="center" vertical="center"/>
    </xf>
    <xf numFmtId="182" fontId="9" fillId="0" borderId="7" xfId="3" applyFont="1" applyBorder="1" applyAlignment="1">
      <alignment horizontal="center" vertical="center"/>
    </xf>
    <xf numFmtId="182" fontId="23" fillId="0" borderId="64" xfId="3" applyFont="1" applyBorder="1" applyAlignment="1">
      <alignment horizontal="center" vertical="center"/>
    </xf>
    <xf numFmtId="182" fontId="23" fillId="0" borderId="7" xfId="3" applyFont="1" applyBorder="1" applyAlignment="1">
      <alignment horizontal="center" vertical="center"/>
    </xf>
    <xf numFmtId="182" fontId="16" fillId="0" borderId="3" xfId="3" applyFont="1" applyBorder="1" applyAlignment="1">
      <alignment horizontal="center" vertical="center"/>
    </xf>
    <xf numFmtId="182" fontId="23" fillId="0" borderId="33" xfId="3" applyFont="1" applyBorder="1" applyAlignment="1">
      <alignment horizontal="right" vertical="center"/>
    </xf>
    <xf numFmtId="182" fontId="24" fillId="0" borderId="33" xfId="3" applyFont="1" applyBorder="1" applyAlignment="1">
      <alignment horizontal="right" vertical="center"/>
    </xf>
    <xf numFmtId="182" fontId="9" fillId="0" borderId="33" xfId="3" applyFont="1" applyBorder="1" applyAlignment="1">
      <alignment horizontal="right" vertical="center"/>
    </xf>
    <xf numFmtId="182" fontId="12" fillId="0" borderId="33" xfId="3" applyBorder="1" applyAlignment="1">
      <alignment horizontal="right" vertical="center"/>
    </xf>
    <xf numFmtId="182" fontId="9" fillId="0" borderId="27" xfId="3" applyFont="1" applyBorder="1" applyAlignment="1">
      <alignment horizontal="right" vertical="center"/>
    </xf>
    <xf numFmtId="182" fontId="9" fillId="0" borderId="29" xfId="3" applyFont="1" applyBorder="1" applyAlignment="1">
      <alignment horizontal="right" vertical="center"/>
    </xf>
    <xf numFmtId="182" fontId="24" fillId="0" borderId="33" xfId="3" applyFont="1" applyBorder="1" applyAlignment="1">
      <alignment horizontal="center" vertical="center"/>
    </xf>
    <xf numFmtId="182" fontId="12" fillId="0" borderId="33" xfId="3" applyBorder="1" applyAlignment="1">
      <alignment horizontal="center" vertical="center"/>
    </xf>
    <xf numFmtId="182" fontId="23" fillId="0" borderId="33" xfId="3" applyFont="1" applyBorder="1" applyAlignment="1">
      <alignment vertical="center"/>
    </xf>
    <xf numFmtId="182" fontId="24" fillId="0" borderId="33" xfId="3" applyFont="1" applyBorder="1" applyAlignment="1">
      <alignment vertical="center"/>
    </xf>
    <xf numFmtId="182" fontId="23" fillId="0" borderId="32" xfId="3" applyFont="1" applyBorder="1" applyAlignment="1">
      <alignment horizontal="right" vertical="center"/>
    </xf>
    <xf numFmtId="182" fontId="24" fillId="0" borderId="32" xfId="3" applyFont="1" applyBorder="1" applyAlignment="1">
      <alignment horizontal="right" vertical="center"/>
    </xf>
    <xf numFmtId="182" fontId="19" fillId="0" borderId="33" xfId="3" applyFont="1" applyBorder="1" applyAlignment="1">
      <alignment horizontal="center" vertical="center"/>
    </xf>
    <xf numFmtId="182" fontId="9" fillId="0" borderId="8" xfId="3" applyFont="1" applyBorder="1" applyAlignment="1">
      <alignment horizontal="right" vertical="center"/>
    </xf>
    <xf numFmtId="182" fontId="9" fillId="0" borderId="10" xfId="3" applyFont="1" applyBorder="1" applyAlignment="1">
      <alignment horizontal="right" vertical="center"/>
    </xf>
    <xf numFmtId="182" fontId="24" fillId="0" borderId="32" xfId="3" applyFont="1" applyBorder="1" applyAlignment="1">
      <alignment horizontal="center" vertical="center"/>
    </xf>
    <xf numFmtId="182" fontId="9" fillId="0" borderId="32" xfId="3" applyFont="1" applyBorder="1" applyAlignment="1">
      <alignment horizontal="right" vertical="center"/>
    </xf>
    <xf numFmtId="182" fontId="12" fillId="0" borderId="32" xfId="3" applyBorder="1" applyAlignment="1">
      <alignment horizontal="right" vertical="center"/>
    </xf>
    <xf numFmtId="182" fontId="9" fillId="0" borderId="27" xfId="3" applyFont="1" applyBorder="1" applyAlignment="1">
      <alignment horizontal="left" vertical="center"/>
    </xf>
    <xf numFmtId="182" fontId="9" fillId="0" borderId="29" xfId="3" applyFont="1" applyBorder="1" applyAlignment="1">
      <alignment horizontal="left" vertical="center"/>
    </xf>
    <xf numFmtId="182" fontId="23" fillId="0" borderId="32" xfId="3" applyFont="1" applyBorder="1" applyAlignment="1">
      <alignment vertical="center"/>
    </xf>
    <xf numFmtId="182" fontId="24" fillId="0" borderId="32" xfId="3" applyFont="1" applyBorder="1" applyAlignment="1">
      <alignment vertical="center"/>
    </xf>
    <xf numFmtId="182" fontId="12" fillId="0" borderId="32" xfId="3" applyBorder="1" applyAlignment="1">
      <alignment horizontal="center" vertical="center"/>
    </xf>
    <xf numFmtId="182" fontId="19" fillId="0" borderId="32" xfId="3" applyFont="1" applyBorder="1" applyAlignment="1">
      <alignment horizontal="center" vertical="center"/>
    </xf>
    <xf numFmtId="182" fontId="9" fillId="0" borderId="8" xfId="3" applyFont="1" applyBorder="1" applyAlignment="1">
      <alignment horizontal="left" vertical="center"/>
    </xf>
    <xf numFmtId="182" fontId="23" fillId="0" borderId="8" xfId="3" applyFont="1" applyBorder="1" applyAlignment="1">
      <alignment horizontal="right" vertical="center"/>
    </xf>
    <xf numFmtId="182" fontId="23" fillId="0" borderId="10" xfId="3" applyFont="1" applyBorder="1" applyAlignment="1">
      <alignment horizontal="right" vertical="center"/>
    </xf>
    <xf numFmtId="182" fontId="16" fillId="0" borderId="32" xfId="3" applyFont="1" applyBorder="1" applyAlignment="1">
      <alignment horizontal="right" vertical="center"/>
    </xf>
    <xf numFmtId="182" fontId="19" fillId="0" borderId="32" xfId="3" applyFont="1" applyBorder="1" applyAlignment="1">
      <alignment horizontal="right" vertical="center"/>
    </xf>
    <xf numFmtId="182" fontId="9" fillId="0" borderId="31" xfId="3" applyFont="1" applyBorder="1" applyAlignment="1">
      <alignment horizontal="right" vertical="center"/>
    </xf>
    <xf numFmtId="182" fontId="12" fillId="0" borderId="31" xfId="3" applyBorder="1" applyAlignment="1">
      <alignment horizontal="right" vertical="center"/>
    </xf>
    <xf numFmtId="182" fontId="23" fillId="0" borderId="31" xfId="3" applyFont="1" applyBorder="1" applyAlignment="1">
      <alignment horizontal="right" vertical="center"/>
    </xf>
    <xf numFmtId="182" fontId="24" fillId="0" borderId="31" xfId="3" applyFont="1" applyBorder="1" applyAlignment="1">
      <alignment horizontal="right" vertical="center"/>
    </xf>
    <xf numFmtId="182" fontId="9" fillId="0" borderId="4" xfId="3" quotePrefix="1" applyFont="1" applyBorder="1" applyAlignment="1">
      <alignment horizontal="center" vertical="center"/>
    </xf>
    <xf numFmtId="182" fontId="9" fillId="0" borderId="6" xfId="3" quotePrefix="1" applyFont="1" applyBorder="1" applyAlignment="1">
      <alignment horizontal="center" vertical="center"/>
    </xf>
    <xf numFmtId="182" fontId="23" fillId="0" borderId="31" xfId="3" quotePrefix="1" applyFont="1" applyBorder="1" applyAlignment="1">
      <alignment vertical="center"/>
    </xf>
    <xf numFmtId="182" fontId="24" fillId="0" borderId="31" xfId="3" applyFont="1" applyBorder="1" applyAlignment="1">
      <alignment vertical="center"/>
    </xf>
    <xf numFmtId="182" fontId="23" fillId="0" borderId="4" xfId="3" applyFont="1" applyBorder="1" applyAlignment="1">
      <alignment horizontal="right" vertical="center"/>
    </xf>
    <xf numFmtId="182" fontId="23" fillId="0" borderId="6" xfId="3" applyFont="1" applyBorder="1" applyAlignment="1">
      <alignment horizontal="right" vertical="center"/>
    </xf>
    <xf numFmtId="182" fontId="9" fillId="0" borderId="4" xfId="3" applyFont="1" applyBorder="1" applyAlignment="1">
      <alignment horizontal="right" vertical="center"/>
    </xf>
    <xf numFmtId="182" fontId="9" fillId="0" borderId="6" xfId="3" applyFont="1" applyBorder="1" applyAlignment="1">
      <alignment horizontal="right" vertical="center"/>
    </xf>
    <xf numFmtId="182" fontId="23" fillId="0" borderId="31" xfId="3" quotePrefix="1" applyFont="1" applyBorder="1" applyAlignment="1">
      <alignment horizontal="center" vertical="center"/>
    </xf>
    <xf numFmtId="182" fontId="9" fillId="0" borderId="4" xfId="3" applyFont="1" applyBorder="1" applyAlignment="1">
      <alignment vertical="center"/>
    </xf>
    <xf numFmtId="182" fontId="9" fillId="0" borderId="6" xfId="3" applyFont="1" applyBorder="1" applyAlignment="1">
      <alignment vertical="center"/>
    </xf>
    <xf numFmtId="182" fontId="16" fillId="0" borderId="31" xfId="3" applyFont="1" applyBorder="1" applyAlignment="1">
      <alignment horizontal="right" vertical="center"/>
    </xf>
    <xf numFmtId="182" fontId="19" fillId="0" borderId="31" xfId="3" applyFont="1" applyBorder="1" applyAlignment="1">
      <alignment horizontal="right" vertical="center"/>
    </xf>
    <xf numFmtId="182" fontId="9" fillId="0" borderId="31" xfId="3" quotePrefix="1" applyFont="1" applyBorder="1" applyAlignment="1">
      <alignment horizontal="center" vertical="center"/>
    </xf>
    <xf numFmtId="182" fontId="9" fillId="0" borderId="31" xfId="3" applyFont="1" applyBorder="1" applyAlignment="1">
      <alignment horizontal="center" vertical="center" textRotation="255"/>
    </xf>
    <xf numFmtId="182" fontId="9" fillId="0" borderId="32" xfId="3" applyFont="1" applyBorder="1" applyAlignment="1">
      <alignment horizontal="center" vertical="center" textRotation="255"/>
    </xf>
    <xf numFmtId="182" fontId="9" fillId="0" borderId="33" xfId="3" applyFont="1" applyBorder="1" applyAlignment="1">
      <alignment horizontal="center" vertical="center" textRotation="255"/>
    </xf>
    <xf numFmtId="182" fontId="9" fillId="0" borderId="4" xfId="3" applyFont="1" applyBorder="1" applyAlignment="1">
      <alignment horizontal="left" vertical="center"/>
    </xf>
    <xf numFmtId="182" fontId="9" fillId="0" borderId="6" xfId="3" applyFont="1" applyBorder="1" applyAlignment="1">
      <alignment horizontal="left" vertical="center"/>
    </xf>
    <xf numFmtId="182" fontId="23" fillId="0" borderId="31" xfId="3" quotePrefix="1" applyFont="1" applyBorder="1" applyAlignment="1">
      <alignment horizontal="right" vertical="center"/>
    </xf>
    <xf numFmtId="182" fontId="23" fillId="0" borderId="27" xfId="3" applyFont="1" applyBorder="1" applyAlignment="1">
      <alignment vertical="center"/>
    </xf>
    <xf numFmtId="182" fontId="23" fillId="0" borderId="29" xfId="3" applyFont="1" applyBorder="1" applyAlignment="1">
      <alignment vertical="center"/>
    </xf>
    <xf numFmtId="182" fontId="4" fillId="0" borderId="33" xfId="3" applyFont="1" applyBorder="1" applyAlignment="1">
      <alignment horizontal="center" vertical="center" shrinkToFit="1"/>
    </xf>
    <xf numFmtId="182" fontId="25" fillId="0" borderId="33" xfId="3" applyFont="1" applyBorder="1" applyAlignment="1">
      <alignment horizontal="center" vertical="center" shrinkToFit="1"/>
    </xf>
    <xf numFmtId="182" fontId="21" fillId="0" borderId="27" xfId="3" applyFont="1" applyBorder="1" applyAlignment="1">
      <alignment horizontal="center" vertical="center"/>
    </xf>
    <xf numFmtId="182" fontId="21" fillId="0" borderId="29" xfId="3" applyFont="1" applyBorder="1" applyAlignment="1">
      <alignment horizontal="center" vertical="center"/>
    </xf>
    <xf numFmtId="182" fontId="23" fillId="0" borderId="27" xfId="3" applyFont="1" applyBorder="1" applyAlignment="1">
      <alignment horizontal="right" vertical="center"/>
    </xf>
    <xf numFmtId="182" fontId="23" fillId="0" borderId="29" xfId="3" applyFont="1" applyBorder="1" applyAlignment="1">
      <alignment horizontal="right" vertical="center"/>
    </xf>
    <xf numFmtId="182" fontId="23" fillId="0" borderId="33" xfId="3" applyFont="1" applyBorder="1" applyAlignment="1">
      <alignment horizontal="right" vertical="center" shrinkToFit="1"/>
    </xf>
    <xf numFmtId="182" fontId="24" fillId="0" borderId="33" xfId="3" applyFont="1" applyBorder="1" applyAlignment="1">
      <alignment horizontal="right" vertical="center" shrinkToFit="1"/>
    </xf>
    <xf numFmtId="182" fontId="23" fillId="0" borderId="8" xfId="3" applyFont="1" applyBorder="1" applyAlignment="1">
      <alignment vertical="center"/>
    </xf>
    <xf numFmtId="182" fontId="23" fillId="0" borderId="10" xfId="3" applyFont="1" applyBorder="1" applyAlignment="1">
      <alignment vertical="center"/>
    </xf>
    <xf numFmtId="182" fontId="24" fillId="0" borderId="10" xfId="3" applyFont="1" applyBorder="1" applyAlignment="1">
      <alignment horizontal="center" vertical="center"/>
    </xf>
    <xf numFmtId="182" fontId="4" fillId="0" borderId="32" xfId="3" applyFont="1" applyBorder="1" applyAlignment="1">
      <alignment horizontal="center" vertical="center" shrinkToFit="1"/>
    </xf>
    <xf numFmtId="182" fontId="25" fillId="0" borderId="32" xfId="3" applyFont="1" applyBorder="1" applyAlignment="1">
      <alignment horizontal="center" vertical="center" shrinkToFit="1"/>
    </xf>
    <xf numFmtId="182" fontId="27" fillId="0" borderId="32" xfId="3" applyFont="1" applyBorder="1" applyAlignment="1">
      <alignment vertical="center"/>
    </xf>
    <xf numFmtId="182" fontId="26" fillId="0" borderId="32" xfId="3" applyFont="1" applyBorder="1" applyAlignment="1">
      <alignment vertical="center"/>
    </xf>
    <xf numFmtId="182" fontId="23" fillId="0" borderId="32" xfId="3" quotePrefix="1" applyFont="1" applyBorder="1" applyAlignment="1">
      <alignment horizontal="right" vertical="center"/>
    </xf>
    <xf numFmtId="182" fontId="4" fillId="0" borderId="32" xfId="3" applyFont="1" applyBorder="1" applyAlignment="1">
      <alignment horizontal="right" vertical="center"/>
    </xf>
    <xf numFmtId="182" fontId="23" fillId="0" borderId="4" xfId="3" applyFont="1" applyBorder="1" applyAlignment="1">
      <alignment vertical="center"/>
    </xf>
    <xf numFmtId="182" fontId="23" fillId="0" borderId="6" xfId="3" applyFont="1" applyBorder="1" applyAlignment="1">
      <alignment vertical="center"/>
    </xf>
    <xf numFmtId="182" fontId="4" fillId="0" borderId="31" xfId="3" applyFont="1" applyBorder="1" applyAlignment="1">
      <alignment horizontal="right" vertical="center"/>
    </xf>
    <xf numFmtId="182" fontId="22" fillId="0" borderId="31" xfId="3" applyFont="1" applyBorder="1" applyAlignment="1">
      <alignment horizontal="right" vertical="center"/>
    </xf>
    <xf numFmtId="182" fontId="27" fillId="0" borderId="31" xfId="3" applyFont="1" applyBorder="1" applyAlignment="1">
      <alignment vertical="center"/>
    </xf>
    <xf numFmtId="182" fontId="26" fillId="0" borderId="31" xfId="3" applyFont="1" applyBorder="1" applyAlignment="1">
      <alignment vertical="center"/>
    </xf>
    <xf numFmtId="182" fontId="9" fillId="0" borderId="3" xfId="3" applyFont="1" applyBorder="1" applyAlignment="1">
      <alignment horizontal="center" vertical="center" textRotation="255"/>
    </xf>
    <xf numFmtId="182" fontId="24" fillId="0" borderId="29" xfId="3" applyFont="1" applyBorder="1" applyAlignment="1">
      <alignment horizontal="right" vertical="center"/>
    </xf>
    <xf numFmtId="182" fontId="12" fillId="0" borderId="29" xfId="3" applyBorder="1" applyAlignment="1">
      <alignment horizontal="right" vertical="center"/>
    </xf>
    <xf numFmtId="182" fontId="29" fillId="0" borderId="27" xfId="3" applyFont="1" applyBorder="1" applyAlignment="1">
      <alignment horizontal="center" vertical="center"/>
    </xf>
    <xf numFmtId="182" fontId="28" fillId="0" borderId="29" xfId="3" applyFont="1" applyBorder="1" applyAlignment="1">
      <alignment horizontal="center" vertical="center"/>
    </xf>
    <xf numFmtId="182" fontId="12" fillId="0" borderId="29" xfId="3" applyBorder="1" applyAlignment="1">
      <alignment horizontal="center" vertical="center"/>
    </xf>
    <xf numFmtId="182" fontId="12" fillId="0" borderId="10" xfId="3" applyBorder="1" applyAlignment="1">
      <alignment horizontal="right" vertical="center"/>
    </xf>
    <xf numFmtId="182" fontId="16" fillId="0" borderId="27" xfId="3" applyFont="1" applyBorder="1" applyAlignment="1">
      <alignment horizontal="center" vertical="center"/>
    </xf>
    <xf numFmtId="182" fontId="16" fillId="0" borderId="29" xfId="3" applyFont="1" applyBorder="1" applyAlignment="1">
      <alignment horizontal="center" vertical="center"/>
    </xf>
    <xf numFmtId="182" fontId="16" fillId="0" borderId="8" xfId="3" applyFont="1" applyBorder="1" applyAlignment="1">
      <alignment horizontal="center" vertical="center"/>
    </xf>
    <xf numFmtId="182" fontId="16" fillId="0" borderId="10" xfId="3" applyFont="1" applyBorder="1" applyAlignment="1">
      <alignment horizontal="center" vertical="center"/>
    </xf>
    <xf numFmtId="182" fontId="29" fillId="0" borderId="8" xfId="3" applyFont="1" applyBorder="1" applyAlignment="1">
      <alignment horizontal="center" vertical="center"/>
    </xf>
    <xf numFmtId="182" fontId="28" fillId="0" borderId="10" xfId="3" applyFont="1" applyBorder="1" applyAlignment="1">
      <alignment horizontal="center" vertical="center"/>
    </xf>
    <xf numFmtId="182" fontId="12" fillId="0" borderId="10" xfId="3" applyBorder="1" applyAlignment="1">
      <alignment horizontal="center" vertical="center"/>
    </xf>
    <xf numFmtId="182" fontId="24" fillId="0" borderId="10" xfId="3" applyFont="1" applyBorder="1" applyAlignment="1">
      <alignment horizontal="right" vertical="center"/>
    </xf>
    <xf numFmtId="182" fontId="12" fillId="0" borderId="6" xfId="3" applyBorder="1" applyAlignment="1">
      <alignment horizontal="right" vertical="center"/>
    </xf>
    <xf numFmtId="182" fontId="29" fillId="0" borderId="4" xfId="3" applyFont="1" applyBorder="1" applyAlignment="1">
      <alignment horizontal="center" vertical="center"/>
    </xf>
    <xf numFmtId="182" fontId="28" fillId="0" borderId="6" xfId="3" applyFont="1" applyBorder="1" applyAlignment="1">
      <alignment horizontal="center" vertical="center"/>
    </xf>
    <xf numFmtId="182" fontId="12" fillId="0" borderId="6" xfId="3" applyBorder="1" applyAlignment="1">
      <alignment horizontal="center" vertical="center"/>
    </xf>
    <xf numFmtId="182" fontId="24" fillId="0" borderId="6" xfId="3" applyFont="1" applyBorder="1" applyAlignment="1">
      <alignment horizontal="right" vertical="center"/>
    </xf>
    <xf numFmtId="182" fontId="16" fillId="0" borderId="4" xfId="3" applyFont="1" applyBorder="1" applyAlignment="1">
      <alignment horizontal="center" vertical="center"/>
    </xf>
    <xf numFmtId="182" fontId="16" fillId="0" borderId="6" xfId="3" applyFont="1" applyBorder="1" applyAlignment="1">
      <alignment horizontal="center" vertical="center"/>
    </xf>
    <xf numFmtId="182" fontId="4" fillId="0" borderId="34" xfId="3" applyFont="1" applyBorder="1" applyAlignment="1">
      <alignment horizontal="center" vertical="center" wrapText="1"/>
    </xf>
    <xf numFmtId="182" fontId="4" fillId="0" borderId="35" xfId="3" applyFont="1" applyBorder="1" applyAlignment="1">
      <alignment horizontal="center" vertical="center" wrapText="1"/>
    </xf>
    <xf numFmtId="182" fontId="4" fillId="0" borderId="2" xfId="3" applyFont="1" applyBorder="1" applyAlignment="1">
      <alignment horizontal="center" vertical="center" wrapText="1"/>
    </xf>
    <xf numFmtId="182" fontId="4" fillId="0" borderId="36" xfId="3" applyFont="1" applyBorder="1" applyAlignment="1">
      <alignment horizontal="center" vertical="center" wrapText="1"/>
    </xf>
    <xf numFmtId="182" fontId="4" fillId="0" borderId="0" xfId="3" applyFont="1" applyAlignment="1">
      <alignment horizontal="center" vertical="center" wrapText="1"/>
    </xf>
    <xf numFmtId="182" fontId="4" fillId="0" borderId="39" xfId="3" applyFont="1" applyBorder="1" applyAlignment="1">
      <alignment horizontal="center" vertical="center" wrapText="1"/>
    </xf>
    <xf numFmtId="182" fontId="4" fillId="0" borderId="43" xfId="3" applyFont="1" applyBorder="1" applyAlignment="1">
      <alignment horizontal="center" vertical="center" wrapText="1"/>
    </xf>
    <xf numFmtId="182" fontId="4" fillId="0" borderId="44" xfId="3" applyFont="1" applyBorder="1" applyAlignment="1">
      <alignment horizontal="center" vertical="center" wrapText="1"/>
    </xf>
    <xf numFmtId="182" fontId="4" fillId="0" borderId="45" xfId="3" applyFont="1" applyBorder="1" applyAlignment="1">
      <alignment horizontal="center" vertical="center" wrapText="1"/>
    </xf>
    <xf numFmtId="182" fontId="9" fillId="0" borderId="36" xfId="3" applyFont="1" applyBorder="1" applyAlignment="1">
      <alignment horizontal="center" vertical="center"/>
    </xf>
    <xf numFmtId="182" fontId="9" fillId="0" borderId="39" xfId="3" applyFont="1" applyBorder="1" applyAlignment="1">
      <alignment horizontal="center" vertical="center"/>
    </xf>
    <xf numFmtId="182" fontId="9" fillId="0" borderId="35" xfId="3" applyFont="1" applyBorder="1" applyAlignment="1">
      <alignment horizontal="center" vertical="center" textRotation="255"/>
    </xf>
    <xf numFmtId="182" fontId="9" fillId="0" borderId="0" xfId="3" applyFont="1" applyAlignment="1">
      <alignment horizontal="center" vertical="center" textRotation="255"/>
    </xf>
    <xf numFmtId="182" fontId="9" fillId="0" borderId="44" xfId="3" applyFont="1" applyBorder="1" applyAlignment="1">
      <alignment horizontal="center" vertical="center" textRotation="255"/>
    </xf>
    <xf numFmtId="182" fontId="12" fillId="0" borderId="10" xfId="3" applyBorder="1" applyAlignment="1">
      <alignment horizontal="left" vertical="center"/>
    </xf>
    <xf numFmtId="182" fontId="9" fillId="0" borderId="28" xfId="3" applyFont="1" applyBorder="1" applyAlignment="1">
      <alignment horizontal="left" vertical="center"/>
    </xf>
    <xf numFmtId="182" fontId="12" fillId="0" borderId="29" xfId="3" applyBorder="1" applyAlignment="1">
      <alignment horizontal="left" vertical="center"/>
    </xf>
    <xf numFmtId="182" fontId="9" fillId="0" borderId="1" xfId="3" applyFont="1" applyBorder="1" applyAlignment="1">
      <alignment horizontal="center" vertical="center" textRotation="255"/>
    </xf>
    <xf numFmtId="182" fontId="9" fillId="0" borderId="50" xfId="3" applyFont="1" applyBorder="1" applyAlignment="1">
      <alignment horizontal="center" vertical="center" textRotation="255"/>
    </xf>
    <xf numFmtId="182" fontId="23" fillId="0" borderId="30" xfId="3" applyFont="1" applyBorder="1" applyAlignment="1">
      <alignment horizontal="center" vertical="center"/>
    </xf>
    <xf numFmtId="182" fontId="9" fillId="0" borderId="30" xfId="3" applyFont="1" applyBorder="1" applyAlignment="1">
      <alignment horizontal="center" vertical="center"/>
    </xf>
    <xf numFmtId="182" fontId="9" fillId="0" borderId="34" xfId="3" applyFont="1" applyBorder="1" applyAlignment="1">
      <alignment horizontal="center" vertical="center" textRotation="255"/>
    </xf>
    <xf numFmtId="182" fontId="9" fillId="0" borderId="36" xfId="3" applyFont="1" applyBorder="1" applyAlignment="1">
      <alignment horizontal="center" vertical="center" textRotation="255"/>
    </xf>
    <xf numFmtId="182" fontId="12" fillId="0" borderId="36" xfId="3" applyBorder="1" applyAlignment="1">
      <alignment vertical="center"/>
    </xf>
    <xf numFmtId="182" fontId="12" fillId="0" borderId="43" xfId="3" applyBorder="1" applyAlignment="1">
      <alignment vertical="center"/>
    </xf>
    <xf numFmtId="182" fontId="9" fillId="0" borderId="51" xfId="3" applyFont="1" applyBorder="1" applyAlignment="1">
      <alignment horizontal="center" vertical="center" textRotation="255"/>
    </xf>
    <xf numFmtId="182" fontId="9" fillId="0" borderId="5" xfId="3" applyFont="1" applyBorder="1" applyAlignment="1">
      <alignment horizontal="left" vertical="center"/>
    </xf>
    <xf numFmtId="182" fontId="9" fillId="0" borderId="1" xfId="3" applyFont="1" applyBorder="1" applyAlignment="1">
      <alignment horizontal="center" vertical="center"/>
    </xf>
    <xf numFmtId="182" fontId="23" fillId="0" borderId="1" xfId="3" applyFont="1" applyBorder="1" applyAlignment="1">
      <alignment horizontal="center" vertical="center"/>
    </xf>
    <xf numFmtId="182" fontId="9" fillId="0" borderId="1" xfId="3" quotePrefix="1" applyFont="1" applyBorder="1" applyAlignment="1">
      <alignment horizontal="center" vertical="center"/>
    </xf>
    <xf numFmtId="182" fontId="23" fillId="0" borderId="1" xfId="3" quotePrefix="1" applyFont="1" applyBorder="1" applyAlignment="1">
      <alignment horizontal="center" vertical="center"/>
    </xf>
    <xf numFmtId="182" fontId="9" fillId="0" borderId="34" xfId="3" quotePrefix="1" applyFont="1" applyBorder="1" applyAlignment="1">
      <alignment horizontal="center" vertical="center"/>
    </xf>
    <xf numFmtId="182" fontId="9" fillId="0" borderId="2" xfId="3" quotePrefix="1" applyFont="1" applyBorder="1" applyAlignment="1">
      <alignment horizontal="center" vertical="center"/>
    </xf>
    <xf numFmtId="0" fontId="9" fillId="0" borderId="57" xfId="2" applyFont="1" applyBorder="1" applyAlignment="1">
      <alignment vertical="center" wrapText="1"/>
    </xf>
    <xf numFmtId="0" fontId="11" fillId="0" borderId="58" xfId="2" applyFont="1" applyBorder="1">
      <alignment vertical="center"/>
    </xf>
    <xf numFmtId="0" fontId="11" fillId="0" borderId="59" xfId="2" applyFont="1" applyBorder="1">
      <alignment vertical="center"/>
    </xf>
    <xf numFmtId="0" fontId="11" fillId="0" borderId="60" xfId="2" applyFont="1" applyBorder="1">
      <alignment vertical="center"/>
    </xf>
    <xf numFmtId="0" fontId="11" fillId="0" borderId="61" xfId="2" applyFont="1" applyBorder="1">
      <alignment vertical="center"/>
    </xf>
    <xf numFmtId="0" fontId="11" fillId="0" borderId="62" xfId="2" applyFont="1" applyBorder="1">
      <alignment vertical="center"/>
    </xf>
  </cellXfs>
  <cellStyles count="11">
    <cellStyle name="パーセント 2" xfId="4" xr:uid="{00000000-0005-0000-0000-000000000000}"/>
    <cellStyle name="桁区切り" xfId="1" builtinId="6"/>
    <cellStyle name="桁区切り 2" xfId="5" xr:uid="{00000000-0005-0000-0000-000002000000}"/>
    <cellStyle name="標準" xfId="0" builtinId="0"/>
    <cellStyle name="標準 2" xfId="2" xr:uid="{00000000-0005-0000-0000-000004000000}"/>
    <cellStyle name="標準 2 2" xfId="6" xr:uid="{00000000-0005-0000-0000-000005000000}"/>
    <cellStyle name="標準 3" xfId="3" xr:uid="{00000000-0005-0000-0000-000006000000}"/>
    <cellStyle name="標準 3 2" xfId="7" xr:uid="{00000000-0005-0000-0000-000007000000}"/>
    <cellStyle name="標準 3 3" xfId="10" xr:uid="{2C6AADD8-00E3-4681-A98F-B99E0A43D172}"/>
    <cellStyle name="標準 4" xfId="8" xr:uid="{00000000-0005-0000-0000-000008000000}"/>
    <cellStyle name="標準 5" xfId="9" xr:uid="{00000000-0005-0000-0000-000009000000}"/>
  </cellStyles>
  <dxfs count="8">
    <dxf>
      <font>
        <color theme="0"/>
      </font>
    </dxf>
    <dxf>
      <font>
        <condense val="0"/>
        <extend val="0"/>
        <color indexed="9"/>
      </font>
    </dxf>
    <dxf>
      <font>
        <color theme="0"/>
      </font>
    </dxf>
    <dxf>
      <font>
        <condense val="0"/>
        <extend val="0"/>
        <color indexed="9"/>
      </font>
    </dxf>
    <dxf>
      <font>
        <color theme="0"/>
      </font>
    </dxf>
    <dxf>
      <font>
        <color theme="0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/909239/Desktop/&#9733;&#12424;&#12367;&#20351;&#12358;&#12420;&#12388;/01.&#27770;&#31639;&#32113;&#35336;&#38306;&#20418;/&#9733;&#27770;&#31639;&#32113;&#35336;&#36942;&#21435;&#12487;&#12540;&#12479;/H24&#27770;&#31639;&#12487;&#12540;&#12479;/&#9733;H24&#21512;10&#3492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2460001000"/>
      <sheetName val="10(000)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BH52"/>
  <sheetViews>
    <sheetView tabSelected="1" view="pageBreakPreview" zoomScaleNormal="115" zoomScaleSheetLayoutView="100" workbookViewId="0">
      <selection sqref="A1:D2"/>
    </sheetView>
  </sheetViews>
  <sheetFormatPr defaultColWidth="9.58203125" defaultRowHeight="10" customHeight="1"/>
  <cols>
    <col min="1" max="3" width="1.58203125" style="18" customWidth="1"/>
    <col min="4" max="4" width="16.58203125" style="18" customWidth="1"/>
    <col min="5" max="59" width="9.58203125" style="18" customWidth="1"/>
    <col min="60" max="16384" width="9.58203125" style="18"/>
  </cols>
  <sheetData>
    <row r="1" spans="1:60" ht="10" customHeight="1">
      <c r="A1" s="199" t="s">
        <v>242</v>
      </c>
      <c r="B1" s="200"/>
      <c r="C1" s="200"/>
      <c r="D1" s="201"/>
      <c r="E1" s="2" t="s">
        <v>41</v>
      </c>
      <c r="F1" s="2" t="s">
        <v>42</v>
      </c>
      <c r="G1" s="2" t="s">
        <v>43</v>
      </c>
      <c r="H1" s="2" t="s">
        <v>44</v>
      </c>
      <c r="I1" s="2" t="s">
        <v>45</v>
      </c>
      <c r="J1" s="2" t="s">
        <v>46</v>
      </c>
      <c r="K1" s="2" t="s">
        <v>47</v>
      </c>
      <c r="L1" s="2" t="s">
        <v>48</v>
      </c>
      <c r="M1" s="2" t="s">
        <v>49</v>
      </c>
      <c r="N1" s="2" t="s">
        <v>50</v>
      </c>
      <c r="O1" s="2" t="s">
        <v>51</v>
      </c>
      <c r="P1" s="2" t="s">
        <v>52</v>
      </c>
      <c r="Q1" s="2" t="s">
        <v>53</v>
      </c>
      <c r="R1" s="2" t="s">
        <v>54</v>
      </c>
      <c r="S1" s="2" t="s">
        <v>55</v>
      </c>
      <c r="T1" s="2" t="s">
        <v>56</v>
      </c>
      <c r="U1" s="2" t="s">
        <v>57</v>
      </c>
      <c r="V1" s="2" t="s">
        <v>58</v>
      </c>
      <c r="W1" s="2" t="s">
        <v>59</v>
      </c>
      <c r="X1" s="2" t="s">
        <v>60</v>
      </c>
      <c r="Y1" s="2" t="s">
        <v>61</v>
      </c>
      <c r="Z1" s="2" t="s">
        <v>62</v>
      </c>
      <c r="AA1" s="2" t="s">
        <v>63</v>
      </c>
      <c r="AB1" s="2" t="s">
        <v>64</v>
      </c>
      <c r="AC1" s="2" t="s">
        <v>65</v>
      </c>
      <c r="AD1" s="2" t="s">
        <v>66</v>
      </c>
      <c r="AE1" s="2" t="s">
        <v>67</v>
      </c>
      <c r="AF1" s="2" t="s">
        <v>68</v>
      </c>
      <c r="AG1" s="2" t="s">
        <v>69</v>
      </c>
      <c r="AH1" s="2" t="s">
        <v>70</v>
      </c>
      <c r="AI1" s="2" t="s">
        <v>71</v>
      </c>
      <c r="AJ1" s="2" t="s">
        <v>72</v>
      </c>
      <c r="AK1" s="2" t="s">
        <v>73</v>
      </c>
      <c r="AL1" s="2" t="s">
        <v>74</v>
      </c>
      <c r="AM1" s="2" t="s">
        <v>75</v>
      </c>
      <c r="AN1" s="2" t="s">
        <v>76</v>
      </c>
      <c r="AO1" s="2" t="s">
        <v>77</v>
      </c>
      <c r="AP1" s="2" t="s">
        <v>78</v>
      </c>
      <c r="AQ1" s="2" t="s">
        <v>79</v>
      </c>
      <c r="AR1" s="2" t="s">
        <v>80</v>
      </c>
      <c r="AS1" s="2" t="s">
        <v>81</v>
      </c>
      <c r="AT1" s="2" t="s">
        <v>82</v>
      </c>
      <c r="AU1" s="2" t="s">
        <v>83</v>
      </c>
      <c r="AV1" s="2" t="s">
        <v>84</v>
      </c>
      <c r="AW1" s="2" t="s">
        <v>85</v>
      </c>
      <c r="AX1" s="2" t="s">
        <v>86</v>
      </c>
      <c r="AY1" s="2" t="s">
        <v>87</v>
      </c>
      <c r="AZ1" s="2" t="s">
        <v>88</v>
      </c>
      <c r="BA1" s="2" t="s">
        <v>89</v>
      </c>
      <c r="BB1" s="2" t="s">
        <v>90</v>
      </c>
      <c r="BC1" s="2" t="s">
        <v>91</v>
      </c>
      <c r="BD1" s="2" t="s">
        <v>546</v>
      </c>
      <c r="BE1" s="2" t="s">
        <v>548</v>
      </c>
      <c r="BF1" s="2" t="s">
        <v>549</v>
      </c>
      <c r="BG1" s="2" t="s">
        <v>561</v>
      </c>
      <c r="BH1" s="24" t="s">
        <v>24</v>
      </c>
    </row>
    <row r="2" spans="1:60" ht="10" customHeight="1">
      <c r="A2" s="202"/>
      <c r="B2" s="203"/>
      <c r="C2" s="203"/>
      <c r="D2" s="204"/>
      <c r="E2" s="4" t="s">
        <v>40</v>
      </c>
      <c r="F2" s="4" t="s">
        <v>40</v>
      </c>
      <c r="G2" s="4" t="s">
        <v>40</v>
      </c>
      <c r="H2" s="4" t="s">
        <v>40</v>
      </c>
      <c r="I2" s="4" t="s">
        <v>40</v>
      </c>
      <c r="J2" s="4" t="s">
        <v>40</v>
      </c>
      <c r="K2" s="4" t="s">
        <v>40</v>
      </c>
      <c r="L2" s="4" t="s">
        <v>40</v>
      </c>
      <c r="M2" s="4" t="s">
        <v>40</v>
      </c>
      <c r="N2" s="4" t="s">
        <v>40</v>
      </c>
      <c r="O2" s="4" t="s">
        <v>40</v>
      </c>
      <c r="P2" s="4" t="s">
        <v>40</v>
      </c>
      <c r="Q2" s="4" t="s">
        <v>40</v>
      </c>
      <c r="R2" s="4" t="s">
        <v>40</v>
      </c>
      <c r="S2" s="4" t="s">
        <v>40</v>
      </c>
      <c r="T2" s="4" t="s">
        <v>40</v>
      </c>
      <c r="U2" s="4" t="s">
        <v>40</v>
      </c>
      <c r="V2" s="4" t="s">
        <v>40</v>
      </c>
      <c r="W2" s="4" t="s">
        <v>40</v>
      </c>
      <c r="X2" s="4" t="s">
        <v>40</v>
      </c>
      <c r="Y2" s="4" t="s">
        <v>40</v>
      </c>
      <c r="Z2" s="4" t="s">
        <v>40</v>
      </c>
      <c r="AA2" s="4" t="s">
        <v>40</v>
      </c>
      <c r="AB2" s="4" t="s">
        <v>40</v>
      </c>
      <c r="AC2" s="4" t="s">
        <v>40</v>
      </c>
      <c r="AD2" s="4" t="s">
        <v>40</v>
      </c>
      <c r="AE2" s="4" t="s">
        <v>40</v>
      </c>
      <c r="AF2" s="4" t="s">
        <v>40</v>
      </c>
      <c r="AG2" s="4" t="s">
        <v>40</v>
      </c>
      <c r="AH2" s="4" t="s">
        <v>40</v>
      </c>
      <c r="AI2" s="4" t="s">
        <v>40</v>
      </c>
      <c r="AJ2" s="4" t="s">
        <v>40</v>
      </c>
      <c r="AK2" s="4" t="s">
        <v>40</v>
      </c>
      <c r="AL2" s="4" t="s">
        <v>40</v>
      </c>
      <c r="AM2" s="4" t="s">
        <v>40</v>
      </c>
      <c r="AN2" s="4" t="s">
        <v>40</v>
      </c>
      <c r="AO2" s="4" t="s">
        <v>40</v>
      </c>
      <c r="AP2" s="4" t="s">
        <v>40</v>
      </c>
      <c r="AQ2" s="4" t="s">
        <v>40</v>
      </c>
      <c r="AR2" s="4" t="s">
        <v>40</v>
      </c>
      <c r="AS2" s="4" t="s">
        <v>40</v>
      </c>
      <c r="AT2" s="4" t="s">
        <v>40</v>
      </c>
      <c r="AU2" s="4" t="s">
        <v>40</v>
      </c>
      <c r="AV2" s="4" t="s">
        <v>40</v>
      </c>
      <c r="AW2" s="4" t="s">
        <v>40</v>
      </c>
      <c r="AX2" s="4" t="s">
        <v>40</v>
      </c>
      <c r="AY2" s="4" t="s">
        <v>40</v>
      </c>
      <c r="AZ2" s="4" t="s">
        <v>40</v>
      </c>
      <c r="BA2" s="4" t="s">
        <v>40</v>
      </c>
      <c r="BB2" s="4" t="s">
        <v>40</v>
      </c>
      <c r="BC2" s="4" t="s">
        <v>40</v>
      </c>
      <c r="BD2" s="4" t="s">
        <v>547</v>
      </c>
      <c r="BE2" s="4" t="s">
        <v>547</v>
      </c>
      <c r="BF2" s="4" t="s">
        <v>550</v>
      </c>
      <c r="BG2" s="65" t="s">
        <v>562</v>
      </c>
      <c r="BH2" s="66"/>
    </row>
    <row r="3" spans="1:60" ht="10" customHeight="1">
      <c r="A3" s="213" t="s">
        <v>0</v>
      </c>
      <c r="B3" s="214"/>
      <c r="C3" s="214"/>
      <c r="D3" s="215"/>
      <c r="E3" s="7" t="s">
        <v>754</v>
      </c>
      <c r="F3" s="7" t="s">
        <v>755</v>
      </c>
      <c r="G3" s="7" t="s">
        <v>756</v>
      </c>
      <c r="H3" s="7" t="s">
        <v>757</v>
      </c>
      <c r="I3" s="7" t="s">
        <v>758</v>
      </c>
      <c r="J3" s="7" t="s">
        <v>759</v>
      </c>
      <c r="K3" s="7" t="s">
        <v>760</v>
      </c>
      <c r="L3" s="7" t="s">
        <v>758</v>
      </c>
      <c r="M3" s="7" t="s">
        <v>761</v>
      </c>
      <c r="N3" s="7" t="s">
        <v>762</v>
      </c>
      <c r="O3" s="7" t="s">
        <v>763</v>
      </c>
      <c r="P3" s="7" t="s">
        <v>764</v>
      </c>
      <c r="Q3" s="7" t="s">
        <v>765</v>
      </c>
      <c r="R3" s="7" t="s">
        <v>766</v>
      </c>
      <c r="S3" s="7" t="s">
        <v>767</v>
      </c>
      <c r="T3" s="7" t="s">
        <v>768</v>
      </c>
      <c r="U3" s="7" t="s">
        <v>758</v>
      </c>
      <c r="V3" s="7" t="s">
        <v>769</v>
      </c>
      <c r="W3" s="7" t="s">
        <v>770</v>
      </c>
      <c r="X3" s="7" t="s">
        <v>770</v>
      </c>
      <c r="Y3" s="7" t="s">
        <v>771</v>
      </c>
      <c r="Z3" s="7" t="s">
        <v>772</v>
      </c>
      <c r="AA3" s="7" t="s">
        <v>764</v>
      </c>
      <c r="AB3" s="7" t="s">
        <v>773</v>
      </c>
      <c r="AC3" s="7" t="s">
        <v>764</v>
      </c>
      <c r="AD3" s="7" t="s">
        <v>774</v>
      </c>
      <c r="AE3" s="7" t="s">
        <v>775</v>
      </c>
      <c r="AF3" s="7" t="s">
        <v>776</v>
      </c>
      <c r="AG3" s="7" t="s">
        <v>777</v>
      </c>
      <c r="AH3" s="7" t="s">
        <v>778</v>
      </c>
      <c r="AI3" s="7" t="s">
        <v>779</v>
      </c>
      <c r="AJ3" s="7" t="s">
        <v>780</v>
      </c>
      <c r="AK3" s="7" t="s">
        <v>781</v>
      </c>
      <c r="AL3" s="7" t="s">
        <v>774</v>
      </c>
      <c r="AM3" s="7" t="s">
        <v>782</v>
      </c>
      <c r="AN3" s="7" t="s">
        <v>783</v>
      </c>
      <c r="AO3" s="7" t="s">
        <v>784</v>
      </c>
      <c r="AP3" s="7" t="s">
        <v>785</v>
      </c>
      <c r="AQ3" s="7" t="s">
        <v>786</v>
      </c>
      <c r="AR3" s="7" t="s">
        <v>756</v>
      </c>
      <c r="AS3" s="7" t="s">
        <v>787</v>
      </c>
      <c r="AT3" s="7" t="s">
        <v>788</v>
      </c>
      <c r="AU3" s="7" t="s">
        <v>789</v>
      </c>
      <c r="AV3" s="7" t="s">
        <v>790</v>
      </c>
      <c r="AW3" s="7" t="s">
        <v>791</v>
      </c>
      <c r="AX3" s="7" t="s">
        <v>792</v>
      </c>
      <c r="AY3" s="7" t="s">
        <v>793</v>
      </c>
      <c r="AZ3" s="7" t="s">
        <v>794</v>
      </c>
      <c r="BA3" s="7" t="s">
        <v>795</v>
      </c>
      <c r="BB3" s="7" t="s">
        <v>796</v>
      </c>
      <c r="BC3" s="7" t="s">
        <v>774</v>
      </c>
      <c r="BD3" s="7" t="s">
        <v>797</v>
      </c>
      <c r="BE3" s="7" t="s">
        <v>798</v>
      </c>
      <c r="BF3" s="7" t="s">
        <v>789</v>
      </c>
      <c r="BG3" s="7" t="s">
        <v>799</v>
      </c>
      <c r="BH3" s="46"/>
    </row>
    <row r="4" spans="1:60" ht="10" customHeight="1">
      <c r="A4" s="216" t="s">
        <v>1</v>
      </c>
      <c r="B4" s="209"/>
      <c r="C4" s="209"/>
      <c r="D4" s="210"/>
      <c r="E4" s="8" t="s">
        <v>800</v>
      </c>
      <c r="F4" s="8" t="s">
        <v>801</v>
      </c>
      <c r="G4" s="8" t="s">
        <v>802</v>
      </c>
      <c r="H4" s="8" t="s">
        <v>803</v>
      </c>
      <c r="I4" s="8" t="s">
        <v>804</v>
      </c>
      <c r="J4" s="8" t="s">
        <v>800</v>
      </c>
      <c r="K4" s="8" t="s">
        <v>805</v>
      </c>
      <c r="L4" s="8" t="s">
        <v>806</v>
      </c>
      <c r="M4" s="8" t="s">
        <v>807</v>
      </c>
      <c r="N4" s="8" t="s">
        <v>808</v>
      </c>
      <c r="O4" s="8" t="s">
        <v>809</v>
      </c>
      <c r="P4" s="8" t="s">
        <v>810</v>
      </c>
      <c r="Q4" s="8" t="s">
        <v>811</v>
      </c>
      <c r="R4" s="8" t="s">
        <v>812</v>
      </c>
      <c r="S4" s="8" t="s">
        <v>813</v>
      </c>
      <c r="T4" s="8" t="s">
        <v>814</v>
      </c>
      <c r="U4" s="8" t="s">
        <v>815</v>
      </c>
      <c r="V4" s="8" t="s">
        <v>816</v>
      </c>
      <c r="W4" s="8" t="s">
        <v>817</v>
      </c>
      <c r="X4" s="8" t="s">
        <v>818</v>
      </c>
      <c r="Y4" s="8" t="s">
        <v>819</v>
      </c>
      <c r="Z4" s="8" t="s">
        <v>820</v>
      </c>
      <c r="AA4" s="8" t="s">
        <v>815</v>
      </c>
      <c r="AB4" s="8" t="s">
        <v>821</v>
      </c>
      <c r="AC4" s="8" t="s">
        <v>822</v>
      </c>
      <c r="AD4" s="8" t="s">
        <v>810</v>
      </c>
      <c r="AE4" s="8" t="s">
        <v>823</v>
      </c>
      <c r="AF4" s="8" t="s">
        <v>824</v>
      </c>
      <c r="AG4" s="8" t="s">
        <v>825</v>
      </c>
      <c r="AH4" s="8" t="s">
        <v>826</v>
      </c>
      <c r="AI4" s="8" t="s">
        <v>827</v>
      </c>
      <c r="AJ4" s="8" t="s">
        <v>828</v>
      </c>
      <c r="AK4" s="8" t="s">
        <v>829</v>
      </c>
      <c r="AL4" s="8" t="s">
        <v>830</v>
      </c>
      <c r="AM4" s="8" t="s">
        <v>831</v>
      </c>
      <c r="AN4" s="8" t="s">
        <v>832</v>
      </c>
      <c r="AO4" s="8" t="s">
        <v>833</v>
      </c>
      <c r="AP4" s="8" t="s">
        <v>834</v>
      </c>
      <c r="AQ4" s="8" t="s">
        <v>835</v>
      </c>
      <c r="AR4" s="8" t="s">
        <v>836</v>
      </c>
      <c r="AS4" s="8" t="s">
        <v>837</v>
      </c>
      <c r="AT4" s="8" t="s">
        <v>838</v>
      </c>
      <c r="AU4" s="8" t="s">
        <v>839</v>
      </c>
      <c r="AV4" s="8" t="s">
        <v>840</v>
      </c>
      <c r="AW4" s="8" t="s">
        <v>841</v>
      </c>
      <c r="AX4" s="8" t="s">
        <v>792</v>
      </c>
      <c r="AY4" s="8" t="s">
        <v>842</v>
      </c>
      <c r="AZ4" s="8" t="s">
        <v>843</v>
      </c>
      <c r="BA4" s="8" t="s">
        <v>844</v>
      </c>
      <c r="BB4" s="8" t="s">
        <v>844</v>
      </c>
      <c r="BC4" s="8" t="s">
        <v>820</v>
      </c>
      <c r="BD4" s="8" t="s">
        <v>845</v>
      </c>
      <c r="BE4" s="8" t="s">
        <v>846</v>
      </c>
      <c r="BF4" s="8" t="s">
        <v>847</v>
      </c>
      <c r="BG4" s="8" t="s">
        <v>848</v>
      </c>
      <c r="BH4" s="40"/>
    </row>
    <row r="5" spans="1:60" ht="10" customHeight="1">
      <c r="A5" s="216" t="s">
        <v>2</v>
      </c>
      <c r="B5" s="209"/>
      <c r="C5" s="209"/>
      <c r="D5" s="210"/>
      <c r="E5" s="8" t="s">
        <v>849</v>
      </c>
      <c r="F5" s="8" t="s">
        <v>826</v>
      </c>
      <c r="G5" s="8" t="s">
        <v>850</v>
      </c>
      <c r="H5" s="8" t="s">
        <v>816</v>
      </c>
      <c r="I5" s="8" t="s">
        <v>851</v>
      </c>
      <c r="J5" s="8" t="s">
        <v>826</v>
      </c>
      <c r="K5" s="8" t="s">
        <v>851</v>
      </c>
      <c r="L5" s="8" t="s">
        <v>852</v>
      </c>
      <c r="M5" s="8" t="s">
        <v>853</v>
      </c>
      <c r="N5" s="8" t="s">
        <v>854</v>
      </c>
      <c r="O5" s="8" t="s">
        <v>850</v>
      </c>
      <c r="P5" s="8" t="s">
        <v>854</v>
      </c>
      <c r="Q5" s="8" t="s">
        <v>855</v>
      </c>
      <c r="R5" s="8" t="s">
        <v>856</v>
      </c>
      <c r="S5" s="8" t="s">
        <v>857</v>
      </c>
      <c r="T5" s="8" t="s">
        <v>855</v>
      </c>
      <c r="U5" s="8" t="s">
        <v>826</v>
      </c>
      <c r="V5" s="8" t="s">
        <v>851</v>
      </c>
      <c r="W5" s="8" t="s">
        <v>819</v>
      </c>
      <c r="X5" s="8" t="s">
        <v>826</v>
      </c>
      <c r="Y5" s="8" t="s">
        <v>855</v>
      </c>
      <c r="Z5" s="8" t="s">
        <v>855</v>
      </c>
      <c r="AA5" s="8" t="s">
        <v>855</v>
      </c>
      <c r="AB5" s="8" t="s">
        <v>855</v>
      </c>
      <c r="AC5" s="8" t="s">
        <v>852</v>
      </c>
      <c r="AD5" s="8" t="s">
        <v>858</v>
      </c>
      <c r="AE5" s="8" t="s">
        <v>858</v>
      </c>
      <c r="AF5" s="8" t="s">
        <v>858</v>
      </c>
      <c r="AG5" s="8" t="s">
        <v>858</v>
      </c>
      <c r="AH5" s="8" t="s">
        <v>855</v>
      </c>
      <c r="AI5" s="8" t="s">
        <v>859</v>
      </c>
      <c r="AJ5" s="8" t="s">
        <v>858</v>
      </c>
      <c r="AK5" s="8" t="s">
        <v>850</v>
      </c>
      <c r="AL5" s="8" t="s">
        <v>855</v>
      </c>
      <c r="AM5" s="8" t="s">
        <v>860</v>
      </c>
      <c r="AN5" s="8" t="s">
        <v>861</v>
      </c>
      <c r="AO5" s="8" t="s">
        <v>858</v>
      </c>
      <c r="AP5" s="8" t="s">
        <v>859</v>
      </c>
      <c r="AQ5" s="8" t="s">
        <v>862</v>
      </c>
      <c r="AR5" s="8" t="s">
        <v>863</v>
      </c>
      <c r="AS5" s="8" t="s">
        <v>855</v>
      </c>
      <c r="AT5" s="8" t="s">
        <v>858</v>
      </c>
      <c r="AU5" s="8" t="s">
        <v>861</v>
      </c>
      <c r="AV5" s="8" t="s">
        <v>864</v>
      </c>
      <c r="AW5" s="8" t="s">
        <v>865</v>
      </c>
      <c r="AX5" s="8" t="s">
        <v>792</v>
      </c>
      <c r="AY5" s="8" t="s">
        <v>857</v>
      </c>
      <c r="AZ5" s="8" t="s">
        <v>866</v>
      </c>
      <c r="BA5" s="8" t="s">
        <v>858</v>
      </c>
      <c r="BB5" s="8" t="s">
        <v>855</v>
      </c>
      <c r="BC5" s="8" t="s">
        <v>855</v>
      </c>
      <c r="BD5" s="8" t="s">
        <v>826</v>
      </c>
      <c r="BE5" s="8" t="s">
        <v>858</v>
      </c>
      <c r="BF5" s="8" t="s">
        <v>867</v>
      </c>
      <c r="BG5" s="8" t="s">
        <v>848</v>
      </c>
      <c r="BH5" s="40"/>
    </row>
    <row r="6" spans="1:60" ht="10" customHeight="1">
      <c r="A6" s="216" t="s">
        <v>3</v>
      </c>
      <c r="B6" s="209"/>
      <c r="C6" s="209"/>
      <c r="D6" s="210"/>
      <c r="E6" s="9" t="s">
        <v>868</v>
      </c>
      <c r="F6" s="9" t="s">
        <v>868</v>
      </c>
      <c r="G6" s="9" t="s">
        <v>869</v>
      </c>
      <c r="H6" s="9" t="s">
        <v>868</v>
      </c>
      <c r="I6" s="9" t="s">
        <v>869</v>
      </c>
      <c r="J6" s="9" t="s">
        <v>868</v>
      </c>
      <c r="K6" s="9" t="s">
        <v>869</v>
      </c>
      <c r="L6" s="9" t="s">
        <v>869</v>
      </c>
      <c r="M6" s="9" t="s">
        <v>869</v>
      </c>
      <c r="N6" s="9" t="s">
        <v>869</v>
      </c>
      <c r="O6" s="9" t="s">
        <v>868</v>
      </c>
      <c r="P6" s="9" t="s">
        <v>869</v>
      </c>
      <c r="Q6" s="9" t="s">
        <v>869</v>
      </c>
      <c r="R6" s="9" t="s">
        <v>869</v>
      </c>
      <c r="S6" s="9" t="s">
        <v>869</v>
      </c>
      <c r="T6" s="9" t="s">
        <v>869</v>
      </c>
      <c r="U6" s="9" t="s">
        <v>869</v>
      </c>
      <c r="V6" s="9" t="s">
        <v>869</v>
      </c>
      <c r="W6" s="9" t="s">
        <v>869</v>
      </c>
      <c r="X6" s="9" t="s">
        <v>869</v>
      </c>
      <c r="Y6" s="9" t="s">
        <v>869</v>
      </c>
      <c r="Z6" s="9" t="s">
        <v>869</v>
      </c>
      <c r="AA6" s="9" t="s">
        <v>869</v>
      </c>
      <c r="AB6" s="9" t="s">
        <v>869</v>
      </c>
      <c r="AC6" s="9" t="s">
        <v>869</v>
      </c>
      <c r="AD6" s="9" t="s">
        <v>869</v>
      </c>
      <c r="AE6" s="9" t="s">
        <v>869</v>
      </c>
      <c r="AF6" s="9" t="s">
        <v>869</v>
      </c>
      <c r="AG6" s="9" t="s">
        <v>869</v>
      </c>
      <c r="AH6" s="9" t="s">
        <v>869</v>
      </c>
      <c r="AI6" s="9" t="s">
        <v>869</v>
      </c>
      <c r="AJ6" s="9" t="s">
        <v>869</v>
      </c>
      <c r="AK6" s="9" t="s">
        <v>869</v>
      </c>
      <c r="AL6" s="9" t="s">
        <v>869</v>
      </c>
      <c r="AM6" s="9" t="s">
        <v>869</v>
      </c>
      <c r="AN6" s="9" t="s">
        <v>869</v>
      </c>
      <c r="AO6" s="9" t="s">
        <v>869</v>
      </c>
      <c r="AP6" s="9" t="s">
        <v>868</v>
      </c>
      <c r="AQ6" s="9" t="s">
        <v>869</v>
      </c>
      <c r="AR6" s="9" t="s">
        <v>869</v>
      </c>
      <c r="AS6" s="9" t="s">
        <v>869</v>
      </c>
      <c r="AT6" s="9" t="s">
        <v>869</v>
      </c>
      <c r="AU6" s="9" t="s">
        <v>869</v>
      </c>
      <c r="AV6" s="9" t="s">
        <v>869</v>
      </c>
      <c r="AW6" s="9" t="s">
        <v>869</v>
      </c>
      <c r="AX6" s="9" t="s">
        <v>869</v>
      </c>
      <c r="AY6" s="9" t="s">
        <v>869</v>
      </c>
      <c r="AZ6" s="9" t="s">
        <v>869</v>
      </c>
      <c r="BA6" s="9" t="s">
        <v>869</v>
      </c>
      <c r="BB6" s="9" t="s">
        <v>869</v>
      </c>
      <c r="BC6" s="9" t="s">
        <v>869</v>
      </c>
      <c r="BD6" s="9" t="s">
        <v>868</v>
      </c>
      <c r="BE6" s="9" t="s">
        <v>868</v>
      </c>
      <c r="BF6" s="9" t="s">
        <v>868</v>
      </c>
      <c r="BG6" s="9" t="s">
        <v>869</v>
      </c>
      <c r="BH6" s="40"/>
    </row>
    <row r="7" spans="1:60" ht="10" customHeight="1">
      <c r="A7" s="223" t="s">
        <v>25</v>
      </c>
      <c r="B7" s="217" t="s">
        <v>4</v>
      </c>
      <c r="C7" s="209"/>
      <c r="D7" s="210"/>
      <c r="E7" s="10">
        <v>1351872</v>
      </c>
      <c r="F7" s="10">
        <v>352673</v>
      </c>
      <c r="G7" s="10">
        <v>190028</v>
      </c>
      <c r="H7" s="10">
        <v>607943</v>
      </c>
      <c r="I7" s="10">
        <v>77426</v>
      </c>
      <c r="J7" s="10">
        <v>342296</v>
      </c>
      <c r="K7" s="10">
        <v>77730</v>
      </c>
      <c r="L7" s="10">
        <v>111840</v>
      </c>
      <c r="M7" s="10">
        <v>76865</v>
      </c>
      <c r="N7" s="10">
        <v>91065</v>
      </c>
      <c r="O7" s="10">
        <v>229367</v>
      </c>
      <c r="P7" s="10">
        <v>147820</v>
      </c>
      <c r="Q7" s="10">
        <v>53517</v>
      </c>
      <c r="R7" s="10">
        <v>117473</v>
      </c>
      <c r="S7" s="10">
        <v>140562</v>
      </c>
      <c r="T7" s="10">
        <v>230211</v>
      </c>
      <c r="U7" s="10">
        <v>252163</v>
      </c>
      <c r="V7" s="10">
        <v>76357</v>
      </c>
      <c r="W7" s="10">
        <v>142182</v>
      </c>
      <c r="X7" s="10">
        <v>142880</v>
      </c>
      <c r="Y7" s="10">
        <v>145984</v>
      </c>
      <c r="Z7" s="10">
        <v>76579</v>
      </c>
      <c r="AA7" s="10">
        <v>84677</v>
      </c>
      <c r="AB7" s="10">
        <v>166392</v>
      </c>
      <c r="AC7" s="10">
        <v>150706</v>
      </c>
      <c r="AD7" s="10">
        <v>93663</v>
      </c>
      <c r="AE7" s="10">
        <v>112880</v>
      </c>
      <c r="AF7" s="10">
        <v>142041</v>
      </c>
      <c r="AG7" s="10">
        <v>61069</v>
      </c>
      <c r="AH7" s="10">
        <v>48630</v>
      </c>
      <c r="AI7" s="10">
        <v>54037</v>
      </c>
      <c r="AJ7" s="10">
        <v>72351</v>
      </c>
      <c r="AK7" s="10">
        <v>114865</v>
      </c>
      <c r="AL7" s="10">
        <v>52235</v>
      </c>
      <c r="AM7" s="10">
        <v>44979</v>
      </c>
      <c r="AN7" s="10">
        <v>37363</v>
      </c>
      <c r="AO7" s="10">
        <v>31865</v>
      </c>
      <c r="AP7" s="10">
        <v>10667</v>
      </c>
      <c r="AQ7" s="10">
        <v>19752</v>
      </c>
      <c r="AR7" s="10">
        <v>17290</v>
      </c>
      <c r="AS7" s="10">
        <v>27290</v>
      </c>
      <c r="AT7" s="10">
        <v>18613</v>
      </c>
      <c r="AU7" s="10">
        <v>17521</v>
      </c>
      <c r="AV7" s="10">
        <v>12729</v>
      </c>
      <c r="AW7" s="10">
        <v>10913</v>
      </c>
      <c r="AX7" s="10">
        <v>10637</v>
      </c>
      <c r="AY7" s="10">
        <v>12700</v>
      </c>
      <c r="AZ7" s="10">
        <v>30389</v>
      </c>
      <c r="BA7" s="10">
        <v>31535</v>
      </c>
      <c r="BB7" s="10">
        <v>33343</v>
      </c>
      <c r="BC7" s="10">
        <v>43392</v>
      </c>
      <c r="BD7" s="10">
        <v>369715</v>
      </c>
      <c r="BE7" s="10">
        <v>139216</v>
      </c>
      <c r="BF7" s="10">
        <v>169079</v>
      </c>
      <c r="BG7" s="10">
        <v>89331</v>
      </c>
      <c r="BH7" s="47">
        <v>7366698</v>
      </c>
    </row>
    <row r="8" spans="1:60" ht="10" customHeight="1">
      <c r="A8" s="224"/>
      <c r="B8" s="217" t="s">
        <v>5</v>
      </c>
      <c r="C8" s="209"/>
      <c r="D8" s="210"/>
      <c r="E8" s="10">
        <v>1400000</v>
      </c>
      <c r="F8" s="10">
        <v>357000</v>
      </c>
      <c r="G8" s="10">
        <v>191500</v>
      </c>
      <c r="H8" s="10">
        <v>637900</v>
      </c>
      <c r="I8" s="10">
        <v>97600</v>
      </c>
      <c r="J8" s="10">
        <v>351000</v>
      </c>
      <c r="K8" s="10">
        <v>111160</v>
      </c>
      <c r="L8" s="10">
        <v>117300</v>
      </c>
      <c r="M8" s="10">
        <v>81825</v>
      </c>
      <c r="N8" s="10">
        <v>106000</v>
      </c>
      <c r="O8" s="10">
        <v>255000</v>
      </c>
      <c r="P8" s="10">
        <v>147100</v>
      </c>
      <c r="Q8" s="10">
        <v>61000</v>
      </c>
      <c r="R8" s="10">
        <v>140460</v>
      </c>
      <c r="S8" s="10">
        <v>141329</v>
      </c>
      <c r="T8" s="10">
        <v>230000</v>
      </c>
      <c r="U8" s="10">
        <v>255000</v>
      </c>
      <c r="V8" s="10">
        <v>90000</v>
      </c>
      <c r="W8" s="10">
        <v>145600</v>
      </c>
      <c r="X8" s="10">
        <v>156000</v>
      </c>
      <c r="Y8" s="10">
        <v>146500</v>
      </c>
      <c r="Z8" s="10">
        <v>80000</v>
      </c>
      <c r="AA8" s="10">
        <v>85000</v>
      </c>
      <c r="AB8" s="10">
        <v>165600</v>
      </c>
      <c r="AC8" s="10">
        <v>157900</v>
      </c>
      <c r="AD8" s="10">
        <v>95000</v>
      </c>
      <c r="AE8" s="10">
        <v>112425</v>
      </c>
      <c r="AF8" s="10">
        <v>148000</v>
      </c>
      <c r="AG8" s="10">
        <v>68300</v>
      </c>
      <c r="AH8" s="10">
        <v>64000</v>
      </c>
      <c r="AI8" s="10">
        <v>56200</v>
      </c>
      <c r="AJ8" s="10">
        <v>75400</v>
      </c>
      <c r="AK8" s="10">
        <v>117900</v>
      </c>
      <c r="AL8" s="10">
        <v>54000</v>
      </c>
      <c r="AM8" s="10">
        <v>50000</v>
      </c>
      <c r="AN8" s="10">
        <v>40500</v>
      </c>
      <c r="AO8" s="10">
        <v>39200</v>
      </c>
      <c r="AP8" s="10">
        <v>15830</v>
      </c>
      <c r="AQ8" s="10">
        <v>21200</v>
      </c>
      <c r="AR8" s="10">
        <v>16741</v>
      </c>
      <c r="AS8" s="10">
        <v>43200</v>
      </c>
      <c r="AT8" s="10">
        <v>29100</v>
      </c>
      <c r="AU8" s="10">
        <v>30000</v>
      </c>
      <c r="AV8" s="10">
        <v>14700</v>
      </c>
      <c r="AW8" s="10">
        <v>10600</v>
      </c>
      <c r="AX8" s="10">
        <v>13750</v>
      </c>
      <c r="AY8" s="10">
        <v>14110</v>
      </c>
      <c r="AZ8" s="10">
        <v>34100</v>
      </c>
      <c r="BA8" s="10">
        <v>32950</v>
      </c>
      <c r="BB8" s="10">
        <v>46100</v>
      </c>
      <c r="BC8" s="10">
        <v>49600</v>
      </c>
      <c r="BD8" s="10">
        <v>376500</v>
      </c>
      <c r="BE8" s="10">
        <v>139100</v>
      </c>
      <c r="BF8" s="10">
        <v>198200</v>
      </c>
      <c r="BG8" s="10">
        <v>100230</v>
      </c>
      <c r="BH8" s="47">
        <v>7814710</v>
      </c>
    </row>
    <row r="9" spans="1:60" ht="10" customHeight="1">
      <c r="A9" s="224"/>
      <c r="B9" s="217" t="s">
        <v>6</v>
      </c>
      <c r="C9" s="209"/>
      <c r="D9" s="210"/>
      <c r="E9" s="10">
        <v>1350982</v>
      </c>
      <c r="F9" s="10">
        <v>352623</v>
      </c>
      <c r="G9" s="10">
        <v>186124</v>
      </c>
      <c r="H9" s="10">
        <v>607940</v>
      </c>
      <c r="I9" s="10">
        <v>74525</v>
      </c>
      <c r="J9" s="10">
        <v>342280</v>
      </c>
      <c r="K9" s="10">
        <v>77103</v>
      </c>
      <c r="L9" s="10">
        <v>111772</v>
      </c>
      <c r="M9" s="10">
        <v>76747</v>
      </c>
      <c r="N9" s="10">
        <v>91040</v>
      </c>
      <c r="O9" s="10">
        <v>229290</v>
      </c>
      <c r="P9" s="10">
        <v>146862</v>
      </c>
      <c r="Q9" s="10">
        <v>53505</v>
      </c>
      <c r="R9" s="10">
        <v>117401</v>
      </c>
      <c r="S9" s="10">
        <v>138155</v>
      </c>
      <c r="T9" s="10">
        <v>229803</v>
      </c>
      <c r="U9" s="10">
        <v>252163</v>
      </c>
      <c r="V9" s="10">
        <v>76357</v>
      </c>
      <c r="W9" s="10">
        <v>142182</v>
      </c>
      <c r="X9" s="10">
        <v>142865</v>
      </c>
      <c r="Y9" s="10">
        <v>145984</v>
      </c>
      <c r="Z9" s="10">
        <v>76579</v>
      </c>
      <c r="AA9" s="10">
        <v>84675</v>
      </c>
      <c r="AB9" s="10">
        <v>166252</v>
      </c>
      <c r="AC9" s="10">
        <v>150628</v>
      </c>
      <c r="AD9" s="10">
        <v>93660</v>
      </c>
      <c r="AE9" s="10">
        <v>112858</v>
      </c>
      <c r="AF9" s="10">
        <v>142041</v>
      </c>
      <c r="AG9" s="10">
        <v>60996</v>
      </c>
      <c r="AH9" s="10">
        <v>48628</v>
      </c>
      <c r="AI9" s="10">
        <v>54014</v>
      </c>
      <c r="AJ9" s="10">
        <v>72344</v>
      </c>
      <c r="AK9" s="10">
        <v>114862</v>
      </c>
      <c r="AL9" s="10">
        <v>52186</v>
      </c>
      <c r="AM9" s="10">
        <v>44889</v>
      </c>
      <c r="AN9" s="10">
        <v>37213</v>
      </c>
      <c r="AO9" s="10">
        <v>31823</v>
      </c>
      <c r="AP9" s="10">
        <v>10643</v>
      </c>
      <c r="AQ9" s="10">
        <v>19722</v>
      </c>
      <c r="AR9" s="10">
        <v>17272</v>
      </c>
      <c r="AS9" s="10">
        <v>27036</v>
      </c>
      <c r="AT9" s="10">
        <v>18603</v>
      </c>
      <c r="AU9" s="10">
        <v>17482</v>
      </c>
      <c r="AV9" s="10">
        <v>12719</v>
      </c>
      <c r="AW9" s="10">
        <v>9878</v>
      </c>
      <c r="AX9" s="10">
        <v>10594</v>
      </c>
      <c r="AY9" s="10">
        <v>12598</v>
      </c>
      <c r="AZ9" s="10">
        <v>30348</v>
      </c>
      <c r="BA9" s="10">
        <v>31379</v>
      </c>
      <c r="BB9" s="10">
        <v>33337</v>
      </c>
      <c r="BC9" s="10">
        <v>43364</v>
      </c>
      <c r="BD9" s="10">
        <v>369676</v>
      </c>
      <c r="BE9" s="10">
        <v>138743</v>
      </c>
      <c r="BF9" s="10">
        <v>168413</v>
      </c>
      <c r="BG9" s="10">
        <v>88024</v>
      </c>
      <c r="BH9" s="47">
        <v>7349182</v>
      </c>
    </row>
    <row r="10" spans="1:60" ht="10" customHeight="1">
      <c r="A10" s="224"/>
      <c r="B10" s="217" t="s">
        <v>237</v>
      </c>
      <c r="C10" s="209"/>
      <c r="D10" s="210"/>
      <c r="E10" s="37">
        <v>99.934165364768262</v>
      </c>
      <c r="F10" s="37">
        <v>99.985822560842479</v>
      </c>
      <c r="G10" s="37">
        <v>97.945565916601765</v>
      </c>
      <c r="H10" s="37">
        <v>99.999506532684819</v>
      </c>
      <c r="I10" s="37">
        <v>96.253196600625117</v>
      </c>
      <c r="J10" s="37">
        <v>99.995325683034565</v>
      </c>
      <c r="K10" s="37">
        <v>99.193361636433806</v>
      </c>
      <c r="L10" s="37">
        <v>99.939198855507868</v>
      </c>
      <c r="M10" s="37">
        <v>99.846484095492087</v>
      </c>
      <c r="N10" s="37">
        <v>99.972547081754797</v>
      </c>
      <c r="O10" s="37">
        <v>99.966429346854596</v>
      </c>
      <c r="P10" s="37">
        <v>99.35191449059667</v>
      </c>
      <c r="Q10" s="37">
        <v>99.977577218453945</v>
      </c>
      <c r="R10" s="37">
        <v>99.938709320439585</v>
      </c>
      <c r="S10" s="37">
        <v>98.28758839515659</v>
      </c>
      <c r="T10" s="37">
        <v>99.822771283735364</v>
      </c>
      <c r="U10" s="37">
        <v>100</v>
      </c>
      <c r="V10" s="37">
        <v>100</v>
      </c>
      <c r="W10" s="37">
        <v>100</v>
      </c>
      <c r="X10" s="37">
        <v>99.989501679731234</v>
      </c>
      <c r="Y10" s="37">
        <v>100</v>
      </c>
      <c r="Z10" s="37">
        <v>100</v>
      </c>
      <c r="AA10" s="37">
        <v>99.997638083540991</v>
      </c>
      <c r="AB10" s="37">
        <v>99.915861339487478</v>
      </c>
      <c r="AC10" s="37">
        <v>99.948243600122083</v>
      </c>
      <c r="AD10" s="37">
        <v>99.996797027641648</v>
      </c>
      <c r="AE10" s="37">
        <v>99.980510276399713</v>
      </c>
      <c r="AF10" s="37">
        <v>100</v>
      </c>
      <c r="AG10" s="37">
        <v>99.88046308274248</v>
      </c>
      <c r="AH10" s="37">
        <v>99.995887312358619</v>
      </c>
      <c r="AI10" s="37">
        <v>99.957436571238219</v>
      </c>
      <c r="AJ10" s="37">
        <v>99.990324943677351</v>
      </c>
      <c r="AK10" s="37">
        <v>99.997388238366781</v>
      </c>
      <c r="AL10" s="37">
        <v>99.90619316550206</v>
      </c>
      <c r="AM10" s="37">
        <v>99.799906623090777</v>
      </c>
      <c r="AN10" s="37">
        <v>99.598533308353183</v>
      </c>
      <c r="AO10" s="37">
        <v>99.868193943197866</v>
      </c>
      <c r="AP10" s="37">
        <v>99.775007031030285</v>
      </c>
      <c r="AQ10" s="37">
        <v>99.848116646415548</v>
      </c>
      <c r="AR10" s="37">
        <v>99.895893580104115</v>
      </c>
      <c r="AS10" s="37">
        <v>99.069256137779405</v>
      </c>
      <c r="AT10" s="37">
        <v>99.946274109493359</v>
      </c>
      <c r="AU10" s="37">
        <v>99.777409965184631</v>
      </c>
      <c r="AV10" s="37">
        <v>99.921439233246915</v>
      </c>
      <c r="AW10" s="37">
        <v>90.515898469715012</v>
      </c>
      <c r="AX10" s="37">
        <v>99.595750681583155</v>
      </c>
      <c r="AY10" s="37">
        <v>99.196850393700785</v>
      </c>
      <c r="AZ10" s="37">
        <v>99.86508276020929</v>
      </c>
      <c r="BA10" s="37">
        <v>99.505311558585703</v>
      </c>
      <c r="BB10" s="37">
        <v>99.982005218486634</v>
      </c>
      <c r="BC10" s="37">
        <v>99.935471976401175</v>
      </c>
      <c r="BD10" s="37">
        <v>99.989451334135751</v>
      </c>
      <c r="BE10" s="37">
        <v>99.660240202275602</v>
      </c>
      <c r="BF10" s="37">
        <v>99.606101289929555</v>
      </c>
      <c r="BG10" s="37">
        <v>98.536902083263371</v>
      </c>
      <c r="BH10" s="36">
        <v>99.762227255684977</v>
      </c>
    </row>
    <row r="11" spans="1:60" ht="10" customHeight="1">
      <c r="A11" s="224"/>
      <c r="B11" s="208" t="s">
        <v>7</v>
      </c>
      <c r="C11" s="209"/>
      <c r="D11" s="210"/>
      <c r="E11" s="10">
        <v>0</v>
      </c>
      <c r="F11" s="10">
        <v>0</v>
      </c>
      <c r="G11" s="10">
        <v>0</v>
      </c>
      <c r="H11" s="10">
        <v>0</v>
      </c>
      <c r="I11" s="10">
        <v>0</v>
      </c>
      <c r="J11" s="10">
        <v>0</v>
      </c>
      <c r="K11" s="10">
        <v>46270</v>
      </c>
      <c r="L11" s="10">
        <v>0</v>
      </c>
      <c r="M11" s="10">
        <v>0</v>
      </c>
      <c r="N11" s="10">
        <v>0</v>
      </c>
      <c r="O11" s="10">
        <v>0</v>
      </c>
      <c r="P11" s="10">
        <v>10972</v>
      </c>
      <c r="Q11" s="10">
        <v>0</v>
      </c>
      <c r="R11" s="10">
        <v>0</v>
      </c>
      <c r="S11" s="10">
        <v>1814</v>
      </c>
      <c r="T11" s="10">
        <v>0</v>
      </c>
      <c r="U11" s="10">
        <v>0</v>
      </c>
      <c r="V11" s="10">
        <v>0</v>
      </c>
      <c r="W11" s="10">
        <v>0</v>
      </c>
      <c r="X11" s="10">
        <v>15033</v>
      </c>
      <c r="Y11" s="10">
        <v>0</v>
      </c>
      <c r="Z11" s="10">
        <v>0</v>
      </c>
      <c r="AA11" s="10">
        <v>0</v>
      </c>
      <c r="AB11" s="10">
        <v>0</v>
      </c>
      <c r="AC11" s="10">
        <v>0</v>
      </c>
      <c r="AD11" s="10">
        <v>0</v>
      </c>
      <c r="AE11" s="10">
        <v>0</v>
      </c>
      <c r="AF11" s="10">
        <v>0</v>
      </c>
      <c r="AG11" s="10">
        <v>0</v>
      </c>
      <c r="AH11" s="10">
        <v>0</v>
      </c>
      <c r="AI11" s="10">
        <v>0</v>
      </c>
      <c r="AJ11" s="10">
        <v>0</v>
      </c>
      <c r="AK11" s="10">
        <v>0</v>
      </c>
      <c r="AL11" s="10">
        <v>0</v>
      </c>
      <c r="AM11" s="10">
        <v>0</v>
      </c>
      <c r="AN11" s="10">
        <v>0</v>
      </c>
      <c r="AO11" s="10">
        <v>0</v>
      </c>
      <c r="AP11" s="10">
        <v>3369</v>
      </c>
      <c r="AQ11" s="10">
        <v>0</v>
      </c>
      <c r="AR11" s="10">
        <v>0</v>
      </c>
      <c r="AS11" s="10">
        <v>4406</v>
      </c>
      <c r="AT11" s="10">
        <v>0</v>
      </c>
      <c r="AU11" s="10">
        <v>0</v>
      </c>
      <c r="AV11" s="10">
        <v>0</v>
      </c>
      <c r="AW11" s="10">
        <v>0</v>
      </c>
      <c r="AX11" s="10">
        <v>0</v>
      </c>
      <c r="AY11" s="10">
        <v>400</v>
      </c>
      <c r="AZ11" s="10">
        <v>0</v>
      </c>
      <c r="BA11" s="10">
        <v>6998</v>
      </c>
      <c r="BB11" s="10">
        <v>0</v>
      </c>
      <c r="BC11" s="10">
        <v>0</v>
      </c>
      <c r="BD11" s="10">
        <v>0</v>
      </c>
      <c r="BE11" s="10">
        <v>0</v>
      </c>
      <c r="BF11" s="10">
        <v>0</v>
      </c>
      <c r="BG11" s="10">
        <v>68759</v>
      </c>
      <c r="BH11" s="47">
        <v>158021</v>
      </c>
    </row>
    <row r="12" spans="1:60" ht="10" customHeight="1">
      <c r="A12" s="224"/>
      <c r="B12" s="217" t="s">
        <v>27</v>
      </c>
      <c r="C12" s="209"/>
      <c r="D12" s="210"/>
      <c r="E12" s="11">
        <v>19.579999999999998</v>
      </c>
      <c r="F12" s="11">
        <v>21.12</v>
      </c>
      <c r="G12" s="11">
        <v>29.8</v>
      </c>
      <c r="H12" s="11">
        <v>15.78</v>
      </c>
      <c r="I12" s="11">
        <v>8.23</v>
      </c>
      <c r="J12" s="11">
        <v>21.66</v>
      </c>
      <c r="K12" s="11">
        <v>2.92</v>
      </c>
      <c r="L12" s="11">
        <v>12.1</v>
      </c>
      <c r="M12" s="11">
        <v>9.94</v>
      </c>
      <c r="N12" s="11">
        <v>1.88</v>
      </c>
      <c r="O12" s="11">
        <v>11.34</v>
      </c>
      <c r="P12" s="11">
        <v>8.1999999999999993</v>
      </c>
      <c r="Q12" s="11">
        <v>5.54</v>
      </c>
      <c r="R12" s="11">
        <v>9.75</v>
      </c>
      <c r="S12" s="11">
        <v>42.6</v>
      </c>
      <c r="T12" s="11">
        <v>17.07</v>
      </c>
      <c r="U12" s="11">
        <v>10.44</v>
      </c>
      <c r="V12" s="11">
        <v>5.16</v>
      </c>
      <c r="W12" s="11">
        <v>3.87</v>
      </c>
      <c r="X12" s="11">
        <v>0.46</v>
      </c>
      <c r="Y12" s="11">
        <v>5.68</v>
      </c>
      <c r="Z12" s="11">
        <v>2.84</v>
      </c>
      <c r="AA12" s="11">
        <v>4.1500000000000004</v>
      </c>
      <c r="AB12" s="11">
        <v>7.34</v>
      </c>
      <c r="AC12" s="11">
        <v>4.4800000000000004</v>
      </c>
      <c r="AD12" s="11">
        <v>5.7</v>
      </c>
      <c r="AE12" s="11">
        <v>4.66</v>
      </c>
      <c r="AF12" s="11">
        <v>3.35</v>
      </c>
      <c r="AG12" s="11">
        <v>6.29</v>
      </c>
      <c r="AH12" s="11">
        <v>7.72</v>
      </c>
      <c r="AI12" s="11">
        <v>5.73</v>
      </c>
      <c r="AJ12" s="11">
        <v>1.89</v>
      </c>
      <c r="AK12" s="11">
        <v>8.64</v>
      </c>
      <c r="AL12" s="11">
        <v>7.03</v>
      </c>
      <c r="AM12" s="11">
        <v>5.0199999999999996</v>
      </c>
      <c r="AN12" s="11">
        <v>2.37</v>
      </c>
      <c r="AO12" s="11">
        <v>1.21</v>
      </c>
      <c r="AP12" s="11">
        <v>4.93</v>
      </c>
      <c r="AQ12" s="11">
        <v>0</v>
      </c>
      <c r="AR12" s="11">
        <v>4.32</v>
      </c>
      <c r="AS12" s="11">
        <v>8.61</v>
      </c>
      <c r="AT12" s="11">
        <v>2.62</v>
      </c>
      <c r="AU12" s="11">
        <v>4.66</v>
      </c>
      <c r="AV12" s="11">
        <v>0.19</v>
      </c>
      <c r="AW12" s="11">
        <v>2.29</v>
      </c>
      <c r="AX12" s="11">
        <v>7.17</v>
      </c>
      <c r="AY12" s="11">
        <v>5.55</v>
      </c>
      <c r="AZ12" s="11">
        <v>2.36</v>
      </c>
      <c r="BA12" s="11">
        <v>1.99</v>
      </c>
      <c r="BB12" s="11">
        <v>4.0199999999999996</v>
      </c>
      <c r="BC12" s="11">
        <v>0.9</v>
      </c>
      <c r="BD12" s="11">
        <v>4.2300000000000004</v>
      </c>
      <c r="BE12" s="11">
        <v>7.5</v>
      </c>
      <c r="BF12" s="11">
        <v>14.1</v>
      </c>
      <c r="BG12" s="11">
        <v>45.45</v>
      </c>
      <c r="BH12" s="48">
        <v>462.43</v>
      </c>
    </row>
    <row r="13" spans="1:60" ht="10" customHeight="1">
      <c r="A13" s="224"/>
      <c r="B13" s="217" t="s">
        <v>28</v>
      </c>
      <c r="C13" s="209"/>
      <c r="D13" s="210"/>
      <c r="E13" s="11">
        <v>14.26</v>
      </c>
      <c r="F13" s="11">
        <v>1.36</v>
      </c>
      <c r="G13" s="11">
        <v>19.23</v>
      </c>
      <c r="H13" s="11">
        <v>5.49</v>
      </c>
      <c r="I13" s="11">
        <v>16.579999999999998</v>
      </c>
      <c r="J13" s="11">
        <v>9.23</v>
      </c>
      <c r="K13" s="11">
        <v>18.97</v>
      </c>
      <c r="L13" s="11">
        <v>1.91</v>
      </c>
      <c r="M13" s="11">
        <v>20.3</v>
      </c>
      <c r="N13" s="11">
        <v>1.53</v>
      </c>
      <c r="O13" s="11">
        <v>12.49</v>
      </c>
      <c r="P13" s="11">
        <v>0.81</v>
      </c>
      <c r="Q13" s="11">
        <v>0</v>
      </c>
      <c r="R13" s="11">
        <v>0</v>
      </c>
      <c r="S13" s="11">
        <v>17.670000000000002</v>
      </c>
      <c r="T13" s="11">
        <v>1.05</v>
      </c>
      <c r="U13" s="11">
        <v>8.98</v>
      </c>
      <c r="V13" s="11">
        <v>0</v>
      </c>
      <c r="W13" s="11">
        <v>15.53</v>
      </c>
      <c r="X13" s="11">
        <v>18.690000000000001</v>
      </c>
      <c r="Y13" s="11">
        <v>0</v>
      </c>
      <c r="Z13" s="11">
        <v>14.1</v>
      </c>
      <c r="AA13" s="11">
        <v>4.07</v>
      </c>
      <c r="AB13" s="11">
        <v>4.68</v>
      </c>
      <c r="AC13" s="11">
        <v>0</v>
      </c>
      <c r="AD13" s="11">
        <v>0</v>
      </c>
      <c r="AE13" s="11">
        <v>13.35</v>
      </c>
      <c r="AF13" s="11">
        <v>0</v>
      </c>
      <c r="AG13" s="11">
        <v>3.32</v>
      </c>
      <c r="AH13" s="11">
        <v>0</v>
      </c>
      <c r="AI13" s="11">
        <v>8.31</v>
      </c>
      <c r="AJ13" s="11">
        <v>0</v>
      </c>
      <c r="AK13" s="11">
        <v>0</v>
      </c>
      <c r="AL13" s="11">
        <v>2.2400000000000002</v>
      </c>
      <c r="AM13" s="11">
        <v>0</v>
      </c>
      <c r="AN13" s="11">
        <v>0</v>
      </c>
      <c r="AO13" s="11">
        <v>21.45</v>
      </c>
      <c r="AP13" s="11">
        <v>13.84</v>
      </c>
      <c r="AQ13" s="11">
        <v>0</v>
      </c>
      <c r="AR13" s="11">
        <v>7.37</v>
      </c>
      <c r="AS13" s="11">
        <v>6.46</v>
      </c>
      <c r="AT13" s="11">
        <v>0</v>
      </c>
      <c r="AU13" s="11">
        <v>3.05</v>
      </c>
      <c r="AV13" s="11">
        <v>2.77</v>
      </c>
      <c r="AW13" s="11">
        <v>10.69</v>
      </c>
      <c r="AX13" s="11">
        <v>3.53</v>
      </c>
      <c r="AY13" s="11">
        <v>5.2</v>
      </c>
      <c r="AZ13" s="11">
        <v>0</v>
      </c>
      <c r="BA13" s="11">
        <v>8.19</v>
      </c>
      <c r="BB13" s="11">
        <v>0.08</v>
      </c>
      <c r="BC13" s="11">
        <v>0</v>
      </c>
      <c r="BD13" s="11">
        <v>0</v>
      </c>
      <c r="BE13" s="11">
        <v>5.69</v>
      </c>
      <c r="BF13" s="11">
        <v>3.84</v>
      </c>
      <c r="BG13" s="11">
        <v>101.93</v>
      </c>
      <c r="BH13" s="48">
        <v>428.23999999999984</v>
      </c>
    </row>
    <row r="14" spans="1:60" ht="10" customHeight="1">
      <c r="A14" s="224"/>
      <c r="B14" s="217" t="s">
        <v>29</v>
      </c>
      <c r="C14" s="209"/>
      <c r="D14" s="210"/>
      <c r="E14" s="11">
        <v>3656.01</v>
      </c>
      <c r="F14" s="11">
        <v>1479.11</v>
      </c>
      <c r="G14" s="11">
        <v>1167.7</v>
      </c>
      <c r="H14" s="11">
        <v>1477.07</v>
      </c>
      <c r="I14" s="11">
        <v>539.92999999999995</v>
      </c>
      <c r="J14" s="11">
        <v>1024.01</v>
      </c>
      <c r="K14" s="11">
        <v>439.67</v>
      </c>
      <c r="L14" s="11">
        <v>855.48</v>
      </c>
      <c r="M14" s="11">
        <v>530.69000000000005</v>
      </c>
      <c r="N14" s="11">
        <v>349.63</v>
      </c>
      <c r="O14" s="11">
        <v>818.14</v>
      </c>
      <c r="P14" s="11">
        <v>500.07</v>
      </c>
      <c r="Q14" s="11">
        <v>316.52</v>
      </c>
      <c r="R14" s="11">
        <v>581.6</v>
      </c>
      <c r="S14" s="11">
        <v>1059.71</v>
      </c>
      <c r="T14" s="11">
        <v>811.84</v>
      </c>
      <c r="U14" s="11">
        <v>550.44000000000005</v>
      </c>
      <c r="V14" s="11">
        <v>176.04</v>
      </c>
      <c r="W14" s="11">
        <v>306.56</v>
      </c>
      <c r="X14" s="11">
        <v>492.15</v>
      </c>
      <c r="Y14" s="11">
        <v>259.17</v>
      </c>
      <c r="Z14" s="11">
        <v>151.4</v>
      </c>
      <c r="AA14" s="11">
        <v>147.71</v>
      </c>
      <c r="AB14" s="11">
        <v>410.17</v>
      </c>
      <c r="AC14" s="11">
        <v>914.91</v>
      </c>
      <c r="AD14" s="11">
        <v>411.52</v>
      </c>
      <c r="AE14" s="11">
        <v>236.75</v>
      </c>
      <c r="AF14" s="11">
        <v>603.16</v>
      </c>
      <c r="AG14" s="11">
        <v>280.89</v>
      </c>
      <c r="AH14" s="11">
        <v>261.48</v>
      </c>
      <c r="AI14" s="11">
        <v>284.36</v>
      </c>
      <c r="AJ14" s="11">
        <v>341.84</v>
      </c>
      <c r="AK14" s="11">
        <v>323.83999999999997</v>
      </c>
      <c r="AL14" s="11">
        <v>268.97000000000003</v>
      </c>
      <c r="AM14" s="11">
        <v>211.69</v>
      </c>
      <c r="AN14" s="11">
        <v>135.65</v>
      </c>
      <c r="AO14" s="11">
        <v>179.59</v>
      </c>
      <c r="AP14" s="11">
        <v>139.44</v>
      </c>
      <c r="AQ14" s="11">
        <v>80.13</v>
      </c>
      <c r="AR14" s="11">
        <v>169.47</v>
      </c>
      <c r="AS14" s="11">
        <v>209.12</v>
      </c>
      <c r="AT14" s="11">
        <v>152.56</v>
      </c>
      <c r="AU14" s="11">
        <v>120.28</v>
      </c>
      <c r="AV14" s="11">
        <v>160.22999999999999</v>
      </c>
      <c r="AW14" s="11">
        <v>99.93</v>
      </c>
      <c r="AX14" s="11">
        <v>117.85</v>
      </c>
      <c r="AY14" s="11">
        <v>148.9</v>
      </c>
      <c r="AZ14" s="11">
        <v>258.61</v>
      </c>
      <c r="BA14" s="11">
        <v>212.24</v>
      </c>
      <c r="BB14" s="11">
        <v>145.61000000000001</v>
      </c>
      <c r="BC14" s="11">
        <v>278.01</v>
      </c>
      <c r="BD14" s="11">
        <v>1281.96</v>
      </c>
      <c r="BE14" s="11">
        <v>427.12</v>
      </c>
      <c r="BF14" s="11">
        <v>636.09</v>
      </c>
      <c r="BG14" s="11">
        <v>995.07</v>
      </c>
      <c r="BH14" s="48">
        <v>28188.09</v>
      </c>
    </row>
    <row r="15" spans="1:60" ht="10" customHeight="1">
      <c r="A15" s="224"/>
      <c r="B15" s="217" t="s">
        <v>8</v>
      </c>
      <c r="C15" s="209"/>
      <c r="D15" s="210"/>
      <c r="E15" s="10">
        <v>19</v>
      </c>
      <c r="F15" s="10">
        <v>8</v>
      </c>
      <c r="G15" s="10">
        <v>8</v>
      </c>
      <c r="H15" s="10">
        <v>5</v>
      </c>
      <c r="I15" s="10">
        <v>2</v>
      </c>
      <c r="J15" s="10">
        <v>4</v>
      </c>
      <c r="K15" s="10">
        <v>5</v>
      </c>
      <c r="L15" s="10">
        <v>9</v>
      </c>
      <c r="M15" s="10">
        <v>4</v>
      </c>
      <c r="N15" s="10">
        <v>0</v>
      </c>
      <c r="O15" s="10">
        <v>5</v>
      </c>
      <c r="P15" s="10">
        <v>4</v>
      </c>
      <c r="Q15" s="10">
        <v>2</v>
      </c>
      <c r="R15" s="10">
        <v>7</v>
      </c>
      <c r="S15" s="10">
        <v>5</v>
      </c>
      <c r="T15" s="10">
        <v>3</v>
      </c>
      <c r="U15" s="10">
        <v>4</v>
      </c>
      <c r="V15" s="10">
        <v>2</v>
      </c>
      <c r="W15" s="10">
        <v>3</v>
      </c>
      <c r="X15" s="10">
        <v>1</v>
      </c>
      <c r="Y15" s="10">
        <v>2</v>
      </c>
      <c r="Z15" s="10">
        <v>2</v>
      </c>
      <c r="AA15" s="10">
        <v>2</v>
      </c>
      <c r="AB15" s="10">
        <v>4</v>
      </c>
      <c r="AC15" s="10">
        <v>6</v>
      </c>
      <c r="AD15" s="10">
        <v>1</v>
      </c>
      <c r="AE15" s="10">
        <v>2</v>
      </c>
      <c r="AF15" s="10">
        <v>2</v>
      </c>
      <c r="AG15" s="10">
        <v>1</v>
      </c>
      <c r="AH15" s="10">
        <v>2</v>
      </c>
      <c r="AI15" s="10">
        <v>3</v>
      </c>
      <c r="AJ15" s="10">
        <v>1</v>
      </c>
      <c r="AK15" s="10">
        <v>2</v>
      </c>
      <c r="AL15" s="10">
        <v>2</v>
      </c>
      <c r="AM15" s="10">
        <v>1</v>
      </c>
      <c r="AN15" s="10">
        <v>1</v>
      </c>
      <c r="AO15" s="10">
        <v>3</v>
      </c>
      <c r="AP15" s="10">
        <v>1</v>
      </c>
      <c r="AQ15" s="10">
        <v>0</v>
      </c>
      <c r="AR15" s="10">
        <v>3</v>
      </c>
      <c r="AS15" s="10">
        <v>1</v>
      </c>
      <c r="AT15" s="10">
        <v>2</v>
      </c>
      <c r="AU15" s="10">
        <v>0</v>
      </c>
      <c r="AV15" s="10">
        <v>1</v>
      </c>
      <c r="AW15" s="10">
        <v>3</v>
      </c>
      <c r="AX15" s="10">
        <v>2</v>
      </c>
      <c r="AY15" s="10">
        <v>5</v>
      </c>
      <c r="AZ15" s="10">
        <v>2</v>
      </c>
      <c r="BA15" s="10">
        <v>4</v>
      </c>
      <c r="BB15" s="10">
        <v>1</v>
      </c>
      <c r="BC15" s="10">
        <v>3</v>
      </c>
      <c r="BD15" s="10">
        <v>2</v>
      </c>
      <c r="BE15" s="10">
        <v>4</v>
      </c>
      <c r="BF15" s="10">
        <v>2</v>
      </c>
      <c r="BG15" s="10">
        <v>39</v>
      </c>
      <c r="BH15" s="47">
        <v>212</v>
      </c>
    </row>
    <row r="16" spans="1:60" ht="10" customHeight="1">
      <c r="A16" s="225"/>
      <c r="B16" s="217" t="s">
        <v>9</v>
      </c>
      <c r="C16" s="209"/>
      <c r="D16" s="210"/>
      <c r="E16" s="10">
        <v>42</v>
      </c>
      <c r="F16" s="10">
        <v>20</v>
      </c>
      <c r="G16" s="10">
        <v>38</v>
      </c>
      <c r="H16" s="10">
        <v>18</v>
      </c>
      <c r="I16" s="10">
        <v>9</v>
      </c>
      <c r="J16" s="10">
        <v>11</v>
      </c>
      <c r="K16" s="10">
        <v>25</v>
      </c>
      <c r="L16" s="10">
        <v>15</v>
      </c>
      <c r="M16" s="10">
        <v>27</v>
      </c>
      <c r="N16" s="10">
        <v>0</v>
      </c>
      <c r="O16" s="10">
        <v>13</v>
      </c>
      <c r="P16" s="10">
        <v>11</v>
      </c>
      <c r="Q16" s="10">
        <v>5</v>
      </c>
      <c r="R16" s="10">
        <v>21</v>
      </c>
      <c r="S16" s="10">
        <v>17</v>
      </c>
      <c r="T16" s="10">
        <v>12</v>
      </c>
      <c r="U16" s="10">
        <v>8</v>
      </c>
      <c r="V16" s="10">
        <v>6</v>
      </c>
      <c r="W16" s="10">
        <v>7</v>
      </c>
      <c r="X16" s="10">
        <v>14</v>
      </c>
      <c r="Y16" s="10">
        <v>10</v>
      </c>
      <c r="Z16" s="10">
        <v>4</v>
      </c>
      <c r="AA16" s="10">
        <v>5</v>
      </c>
      <c r="AB16" s="10">
        <v>9</v>
      </c>
      <c r="AC16" s="10">
        <v>18</v>
      </c>
      <c r="AD16" s="10">
        <v>3</v>
      </c>
      <c r="AE16" s="10">
        <v>8</v>
      </c>
      <c r="AF16" s="10">
        <v>5</v>
      </c>
      <c r="AG16" s="10">
        <v>7</v>
      </c>
      <c r="AH16" s="10">
        <v>7</v>
      </c>
      <c r="AI16" s="10">
        <v>8</v>
      </c>
      <c r="AJ16" s="10">
        <v>3</v>
      </c>
      <c r="AK16" s="10">
        <v>8</v>
      </c>
      <c r="AL16" s="10">
        <v>6</v>
      </c>
      <c r="AM16" s="10">
        <v>4</v>
      </c>
      <c r="AN16" s="10">
        <v>3</v>
      </c>
      <c r="AO16" s="10">
        <v>17</v>
      </c>
      <c r="AP16" s="10">
        <v>10</v>
      </c>
      <c r="AQ16" s="10">
        <v>3</v>
      </c>
      <c r="AR16" s="10">
        <v>3</v>
      </c>
      <c r="AS16" s="10">
        <v>4</v>
      </c>
      <c r="AT16" s="10">
        <v>4</v>
      </c>
      <c r="AU16" s="10">
        <v>4</v>
      </c>
      <c r="AV16" s="10">
        <v>3</v>
      </c>
      <c r="AW16" s="10">
        <v>14</v>
      </c>
      <c r="AX16" s="10">
        <v>5</v>
      </c>
      <c r="AY16" s="10">
        <v>11</v>
      </c>
      <c r="AZ16" s="10">
        <v>4</v>
      </c>
      <c r="BA16" s="10">
        <v>9</v>
      </c>
      <c r="BB16" s="10">
        <v>3</v>
      </c>
      <c r="BC16" s="10">
        <v>4</v>
      </c>
      <c r="BD16" s="10">
        <v>13</v>
      </c>
      <c r="BE16" s="10">
        <v>10</v>
      </c>
      <c r="BF16" s="10">
        <v>11</v>
      </c>
      <c r="BG16" s="10">
        <v>172</v>
      </c>
      <c r="BH16" s="47">
        <v>731</v>
      </c>
    </row>
    <row r="17" spans="1:60" ht="10" customHeight="1">
      <c r="A17" s="205" t="s">
        <v>30</v>
      </c>
      <c r="B17" s="208" t="s">
        <v>10</v>
      </c>
      <c r="C17" s="209"/>
      <c r="D17" s="210"/>
      <c r="E17" s="10">
        <v>534400</v>
      </c>
      <c r="F17" s="10">
        <v>165500</v>
      </c>
      <c r="G17" s="10">
        <v>79000</v>
      </c>
      <c r="H17" s="10">
        <v>204800</v>
      </c>
      <c r="I17" s="10">
        <v>52060</v>
      </c>
      <c r="J17" s="10">
        <v>120485</v>
      </c>
      <c r="K17" s="10">
        <v>53718</v>
      </c>
      <c r="L17" s="10">
        <v>83700</v>
      </c>
      <c r="M17" s="10">
        <v>51890</v>
      </c>
      <c r="N17" s="10">
        <v>53010</v>
      </c>
      <c r="O17" s="10">
        <v>106900</v>
      </c>
      <c r="P17" s="10">
        <v>54300</v>
      </c>
      <c r="Q17" s="10">
        <v>35000</v>
      </c>
      <c r="R17" s="10">
        <v>63300</v>
      </c>
      <c r="S17" s="10">
        <v>65921</v>
      </c>
      <c r="T17" s="10">
        <v>101800</v>
      </c>
      <c r="U17" s="10">
        <v>105400</v>
      </c>
      <c r="V17" s="10">
        <v>37800</v>
      </c>
      <c r="W17" s="10">
        <v>63800</v>
      </c>
      <c r="X17" s="10">
        <v>55750</v>
      </c>
      <c r="Y17" s="10">
        <v>50200</v>
      </c>
      <c r="Z17" s="10">
        <v>32000</v>
      </c>
      <c r="AA17" s="10">
        <v>35000</v>
      </c>
      <c r="AB17" s="10">
        <v>53340</v>
      </c>
      <c r="AC17" s="10">
        <v>64900</v>
      </c>
      <c r="AD17" s="10">
        <v>37750</v>
      </c>
      <c r="AE17" s="10">
        <v>43300</v>
      </c>
      <c r="AF17" s="10">
        <v>62100</v>
      </c>
      <c r="AG17" s="10">
        <v>33000</v>
      </c>
      <c r="AH17" s="10">
        <v>31600</v>
      </c>
      <c r="AI17" s="10">
        <v>24600</v>
      </c>
      <c r="AJ17" s="10">
        <v>36100</v>
      </c>
      <c r="AK17" s="10">
        <v>56410</v>
      </c>
      <c r="AL17" s="10">
        <v>21200</v>
      </c>
      <c r="AM17" s="10">
        <v>18000</v>
      </c>
      <c r="AN17" s="10">
        <v>24000</v>
      </c>
      <c r="AO17" s="10">
        <v>23100</v>
      </c>
      <c r="AP17" s="10">
        <v>8210</v>
      </c>
      <c r="AQ17" s="10">
        <v>9100</v>
      </c>
      <c r="AR17" s="10">
        <v>10400</v>
      </c>
      <c r="AS17" s="10">
        <v>17480</v>
      </c>
      <c r="AT17" s="10">
        <v>12200</v>
      </c>
      <c r="AU17" s="10">
        <v>15520</v>
      </c>
      <c r="AV17" s="10">
        <v>5700</v>
      </c>
      <c r="AW17" s="10">
        <v>5360</v>
      </c>
      <c r="AX17" s="10">
        <v>8500</v>
      </c>
      <c r="AY17" s="10">
        <v>9506</v>
      </c>
      <c r="AZ17" s="10">
        <v>19800</v>
      </c>
      <c r="BA17" s="10">
        <v>19470</v>
      </c>
      <c r="BB17" s="10">
        <v>13830</v>
      </c>
      <c r="BC17" s="10">
        <v>22200</v>
      </c>
      <c r="BD17" s="10">
        <v>157000</v>
      </c>
      <c r="BE17" s="10">
        <v>48500</v>
      </c>
      <c r="BF17" s="10">
        <v>66922</v>
      </c>
      <c r="BG17" s="10">
        <v>72828</v>
      </c>
      <c r="BH17" s="47">
        <v>3257660</v>
      </c>
    </row>
    <row r="18" spans="1:60" ht="10" customHeight="1">
      <c r="A18" s="206"/>
      <c r="B18" s="208" t="s">
        <v>11</v>
      </c>
      <c r="C18" s="209"/>
      <c r="D18" s="210"/>
      <c r="E18" s="10">
        <v>392310</v>
      </c>
      <c r="F18" s="10">
        <v>113122</v>
      </c>
      <c r="G18" s="10">
        <v>73164</v>
      </c>
      <c r="H18" s="10">
        <v>183291</v>
      </c>
      <c r="I18" s="10">
        <v>29274</v>
      </c>
      <c r="J18" s="10">
        <v>105310</v>
      </c>
      <c r="K18" s="10">
        <v>29716</v>
      </c>
      <c r="L18" s="10">
        <v>44753</v>
      </c>
      <c r="M18" s="10">
        <v>32971</v>
      </c>
      <c r="N18" s="10">
        <v>37587</v>
      </c>
      <c r="O18" s="10">
        <v>77440</v>
      </c>
      <c r="P18" s="10">
        <v>50091</v>
      </c>
      <c r="Q18" s="10">
        <v>23980</v>
      </c>
      <c r="R18" s="10">
        <v>38347</v>
      </c>
      <c r="S18" s="10">
        <v>57345</v>
      </c>
      <c r="T18" s="10">
        <v>69060</v>
      </c>
      <c r="U18" s="10">
        <v>74726</v>
      </c>
      <c r="V18" s="10">
        <v>22920</v>
      </c>
      <c r="W18" s="10">
        <v>46290</v>
      </c>
      <c r="X18" s="10">
        <v>46930</v>
      </c>
      <c r="Y18" s="10">
        <v>45380</v>
      </c>
      <c r="Z18" s="10">
        <v>22510</v>
      </c>
      <c r="AA18" s="10">
        <v>26770</v>
      </c>
      <c r="AB18" s="10">
        <v>50761</v>
      </c>
      <c r="AC18" s="10">
        <v>50282</v>
      </c>
      <c r="AD18" s="10">
        <v>30360</v>
      </c>
      <c r="AE18" s="10">
        <v>33110</v>
      </c>
      <c r="AF18" s="10">
        <v>44830</v>
      </c>
      <c r="AG18" s="10">
        <v>21068</v>
      </c>
      <c r="AH18" s="10">
        <v>18908</v>
      </c>
      <c r="AI18" s="10">
        <v>21581</v>
      </c>
      <c r="AJ18" s="10">
        <v>22559</v>
      </c>
      <c r="AK18" s="10">
        <v>36046</v>
      </c>
      <c r="AL18" s="10">
        <v>17057</v>
      </c>
      <c r="AM18" s="10">
        <v>15145</v>
      </c>
      <c r="AN18" s="10">
        <v>14773</v>
      </c>
      <c r="AO18" s="10">
        <v>12812</v>
      </c>
      <c r="AP18" s="10">
        <v>6157</v>
      </c>
      <c r="AQ18" s="10">
        <v>7375</v>
      </c>
      <c r="AR18" s="10">
        <v>8708</v>
      </c>
      <c r="AS18" s="10">
        <v>10772</v>
      </c>
      <c r="AT18" s="10">
        <v>9612</v>
      </c>
      <c r="AU18" s="10">
        <v>12424</v>
      </c>
      <c r="AV18" s="10">
        <v>4970</v>
      </c>
      <c r="AW18" s="10">
        <v>4337</v>
      </c>
      <c r="AX18" s="10">
        <v>5714</v>
      </c>
      <c r="AY18" s="10">
        <v>6567</v>
      </c>
      <c r="AZ18" s="10">
        <v>12520</v>
      </c>
      <c r="BA18" s="10">
        <v>15691</v>
      </c>
      <c r="BB18" s="10">
        <v>11503</v>
      </c>
      <c r="BC18" s="10">
        <v>15944</v>
      </c>
      <c r="BD18" s="10">
        <v>112060</v>
      </c>
      <c r="BE18" s="10">
        <v>45113</v>
      </c>
      <c r="BF18" s="10">
        <v>56077</v>
      </c>
      <c r="BG18" s="10">
        <v>45394</v>
      </c>
      <c r="BH18" s="47">
        <v>2423517</v>
      </c>
    </row>
    <row r="19" spans="1:60" ht="10" customHeight="1">
      <c r="A19" s="206"/>
      <c r="B19" s="208" t="s">
        <v>31</v>
      </c>
      <c r="C19" s="209"/>
      <c r="D19" s="210"/>
      <c r="E19" s="11">
        <v>135004.57999999999</v>
      </c>
      <c r="F19" s="11">
        <v>38520.86</v>
      </c>
      <c r="G19" s="11">
        <v>24996.3</v>
      </c>
      <c r="H19" s="11">
        <v>62728.23</v>
      </c>
      <c r="I19" s="11">
        <v>9853.92</v>
      </c>
      <c r="J19" s="11">
        <v>35338.879999999997</v>
      </c>
      <c r="K19" s="11">
        <v>10109.92</v>
      </c>
      <c r="L19" s="11">
        <v>15243.37</v>
      </c>
      <c r="M19" s="11">
        <v>11107.47</v>
      </c>
      <c r="N19" s="11">
        <v>12562.78</v>
      </c>
      <c r="O19" s="11">
        <v>25595.86</v>
      </c>
      <c r="P19" s="11">
        <v>16926.82</v>
      </c>
      <c r="Q19" s="11">
        <v>8010.43</v>
      </c>
      <c r="R19" s="11">
        <v>12884.54</v>
      </c>
      <c r="S19" s="11">
        <v>18815.61</v>
      </c>
      <c r="T19" s="11">
        <v>23022.97</v>
      </c>
      <c r="U19" s="11">
        <v>25361.42</v>
      </c>
      <c r="V19" s="11">
        <v>7737.17</v>
      </c>
      <c r="W19" s="11">
        <v>15960.66</v>
      </c>
      <c r="X19" s="11">
        <v>16181.99</v>
      </c>
      <c r="Y19" s="11">
        <v>15489.27</v>
      </c>
      <c r="Z19" s="11">
        <v>7566.73</v>
      </c>
      <c r="AA19" s="11">
        <v>9116.82</v>
      </c>
      <c r="AB19" s="11">
        <v>17032.98</v>
      </c>
      <c r="AC19" s="11">
        <v>17245.07</v>
      </c>
      <c r="AD19" s="11">
        <v>10371.040000000001</v>
      </c>
      <c r="AE19" s="11">
        <v>11096.72</v>
      </c>
      <c r="AF19" s="11">
        <v>15147.83</v>
      </c>
      <c r="AG19" s="11">
        <v>7119.82</v>
      </c>
      <c r="AH19" s="11">
        <v>6338.8</v>
      </c>
      <c r="AI19" s="11">
        <v>7245.87</v>
      </c>
      <c r="AJ19" s="11">
        <v>7645.68</v>
      </c>
      <c r="AK19" s="11">
        <v>12416.69</v>
      </c>
      <c r="AL19" s="11">
        <v>5807.07</v>
      </c>
      <c r="AM19" s="11">
        <v>4822.67</v>
      </c>
      <c r="AN19" s="11">
        <v>4830.95</v>
      </c>
      <c r="AO19" s="11">
        <v>4149.68</v>
      </c>
      <c r="AP19" s="11">
        <v>1837.12</v>
      </c>
      <c r="AQ19" s="11">
        <v>2444.69</v>
      </c>
      <c r="AR19" s="11">
        <v>2807.77</v>
      </c>
      <c r="AS19" s="11">
        <v>3560.9</v>
      </c>
      <c r="AT19" s="11">
        <v>2758</v>
      </c>
      <c r="AU19" s="11">
        <v>3619.24</v>
      </c>
      <c r="AV19" s="11">
        <v>1620.13</v>
      </c>
      <c r="AW19" s="11">
        <v>1438.47</v>
      </c>
      <c r="AX19" s="11">
        <v>1783.56</v>
      </c>
      <c r="AY19" s="11">
        <v>1783.54</v>
      </c>
      <c r="AZ19" s="11">
        <v>4149.8999999999996</v>
      </c>
      <c r="BA19" s="11">
        <v>4605.53</v>
      </c>
      <c r="BB19" s="11">
        <v>3693.38</v>
      </c>
      <c r="BC19" s="11">
        <v>5197.1899999999996</v>
      </c>
      <c r="BD19" s="11">
        <v>37308.31</v>
      </c>
      <c r="BE19" s="11">
        <v>15263.02</v>
      </c>
      <c r="BF19" s="11">
        <v>19011.900000000001</v>
      </c>
      <c r="BG19" s="11">
        <v>13910.1</v>
      </c>
      <c r="BH19" s="48">
        <v>816200.21999999974</v>
      </c>
    </row>
    <row r="20" spans="1:60" ht="10" customHeight="1">
      <c r="A20" s="207"/>
      <c r="B20" s="208" t="s">
        <v>32</v>
      </c>
      <c r="C20" s="211"/>
      <c r="D20" s="212"/>
      <c r="E20" s="11">
        <v>127911.03</v>
      </c>
      <c r="F20" s="11">
        <v>36505.71</v>
      </c>
      <c r="G20" s="11">
        <v>21371.37</v>
      </c>
      <c r="H20" s="11">
        <v>56140.05</v>
      </c>
      <c r="I20" s="11">
        <v>8418.73</v>
      </c>
      <c r="J20" s="11">
        <v>34031.589999999997</v>
      </c>
      <c r="K20" s="11">
        <v>8436.9599999999991</v>
      </c>
      <c r="L20" s="11">
        <v>13038.33</v>
      </c>
      <c r="M20" s="11">
        <v>9875.8799999999992</v>
      </c>
      <c r="N20" s="11">
        <v>11289.89</v>
      </c>
      <c r="O20" s="11">
        <v>23015.14</v>
      </c>
      <c r="P20" s="11">
        <v>15504.88</v>
      </c>
      <c r="Q20" s="11">
        <v>6867.89</v>
      </c>
      <c r="R20" s="11">
        <v>11794.18</v>
      </c>
      <c r="S20" s="11">
        <v>15356.68</v>
      </c>
      <c r="T20" s="11">
        <v>21345.83</v>
      </c>
      <c r="U20" s="11">
        <v>24140.19</v>
      </c>
      <c r="V20" s="11">
        <v>7418</v>
      </c>
      <c r="W20" s="11">
        <v>14961.54</v>
      </c>
      <c r="X20" s="11">
        <v>15346.53</v>
      </c>
      <c r="Y20" s="11">
        <v>14472.29</v>
      </c>
      <c r="Z20" s="11">
        <v>7160.99</v>
      </c>
      <c r="AA20" s="11">
        <v>9037.98</v>
      </c>
      <c r="AB20" s="11">
        <v>16271.56</v>
      </c>
      <c r="AC20" s="11">
        <v>16086.42</v>
      </c>
      <c r="AD20" s="11">
        <v>9676.6</v>
      </c>
      <c r="AE20" s="11">
        <v>10661.05</v>
      </c>
      <c r="AF20" s="11">
        <v>14480.39</v>
      </c>
      <c r="AG20" s="11">
        <v>5905.52</v>
      </c>
      <c r="AH20" s="11">
        <v>5537.61</v>
      </c>
      <c r="AI20" s="11">
        <v>6430.71</v>
      </c>
      <c r="AJ20" s="11">
        <v>7160.98</v>
      </c>
      <c r="AK20" s="11">
        <v>11941.13</v>
      </c>
      <c r="AL20" s="11">
        <v>5254</v>
      </c>
      <c r="AM20" s="11">
        <v>4620.71</v>
      </c>
      <c r="AN20" s="11">
        <v>4706.3100000000004</v>
      </c>
      <c r="AO20" s="11">
        <v>3826.09</v>
      </c>
      <c r="AP20" s="11">
        <v>1238.3800000000001</v>
      </c>
      <c r="AQ20" s="11">
        <v>2251.89</v>
      </c>
      <c r="AR20" s="11">
        <v>2582.9699999999998</v>
      </c>
      <c r="AS20" s="11">
        <v>3007.9</v>
      </c>
      <c r="AT20" s="11">
        <v>2519.96</v>
      </c>
      <c r="AU20" s="11">
        <v>3176.91</v>
      </c>
      <c r="AV20" s="11">
        <v>1434.87</v>
      </c>
      <c r="AW20" s="11">
        <v>1154.29</v>
      </c>
      <c r="AX20" s="11">
        <v>1661.8</v>
      </c>
      <c r="AY20" s="11">
        <v>1464.29</v>
      </c>
      <c r="AZ20" s="11">
        <v>3390.61</v>
      </c>
      <c r="BA20" s="11">
        <v>4307.26</v>
      </c>
      <c r="BB20" s="11">
        <v>3346.15</v>
      </c>
      <c r="BC20" s="11">
        <v>4737.75</v>
      </c>
      <c r="BD20" s="11">
        <v>36166.080000000002</v>
      </c>
      <c r="BE20" s="11">
        <v>14034.85</v>
      </c>
      <c r="BF20" s="11">
        <v>17407.22</v>
      </c>
      <c r="BG20" s="11">
        <v>10803.12</v>
      </c>
      <c r="BH20" s="48">
        <v>750687.04000000015</v>
      </c>
    </row>
    <row r="21" spans="1:60" ht="10" customHeight="1">
      <c r="A21" s="205" t="s">
        <v>33</v>
      </c>
      <c r="B21" s="226" t="s">
        <v>34</v>
      </c>
      <c r="C21" s="227"/>
      <c r="D21" s="14" t="s">
        <v>35</v>
      </c>
      <c r="E21" s="9" t="s">
        <v>40</v>
      </c>
      <c r="F21" s="9" t="s">
        <v>40</v>
      </c>
      <c r="G21" s="9" t="s">
        <v>40</v>
      </c>
      <c r="H21" s="9" t="s">
        <v>40</v>
      </c>
      <c r="I21" s="9" t="s">
        <v>40</v>
      </c>
      <c r="J21" s="9" t="s">
        <v>747</v>
      </c>
      <c r="K21" s="9" t="s">
        <v>40</v>
      </c>
      <c r="L21" s="9" t="s">
        <v>40</v>
      </c>
      <c r="M21" s="9" t="s">
        <v>40</v>
      </c>
      <c r="N21" s="9" t="s">
        <v>40</v>
      </c>
      <c r="O21" s="9" t="s">
        <v>747</v>
      </c>
      <c r="P21" s="9" t="s">
        <v>40</v>
      </c>
      <c r="Q21" s="9" t="s">
        <v>40</v>
      </c>
      <c r="R21" s="9" t="s">
        <v>40</v>
      </c>
      <c r="S21" s="9" t="s">
        <v>40</v>
      </c>
      <c r="T21" s="9" t="s">
        <v>40</v>
      </c>
      <c r="U21" s="9" t="s">
        <v>40</v>
      </c>
      <c r="V21" s="9" t="s">
        <v>747</v>
      </c>
      <c r="W21" s="9" t="s">
        <v>40</v>
      </c>
      <c r="X21" s="9" t="s">
        <v>747</v>
      </c>
      <c r="Y21" s="9" t="s">
        <v>40</v>
      </c>
      <c r="Z21" s="9" t="s">
        <v>40</v>
      </c>
      <c r="AA21" s="9" t="s">
        <v>40</v>
      </c>
      <c r="AB21" s="9" t="s">
        <v>40</v>
      </c>
      <c r="AC21" s="9" t="s">
        <v>40</v>
      </c>
      <c r="AD21" s="9" t="s">
        <v>747</v>
      </c>
      <c r="AE21" s="9" t="s">
        <v>747</v>
      </c>
      <c r="AF21" s="9" t="s">
        <v>40</v>
      </c>
      <c r="AG21" s="9" t="s">
        <v>747</v>
      </c>
      <c r="AH21" s="9" t="s">
        <v>40</v>
      </c>
      <c r="AI21" s="9" t="s">
        <v>40</v>
      </c>
      <c r="AJ21" s="9" t="s">
        <v>40</v>
      </c>
      <c r="AK21" s="9" t="s">
        <v>40</v>
      </c>
      <c r="AL21" s="9" t="s">
        <v>40</v>
      </c>
      <c r="AM21" s="9" t="s">
        <v>40</v>
      </c>
      <c r="AN21" s="9" t="s">
        <v>40</v>
      </c>
      <c r="AO21" s="9" t="s">
        <v>40</v>
      </c>
      <c r="AP21" s="9" t="s">
        <v>40</v>
      </c>
      <c r="AQ21" s="9" t="s">
        <v>40</v>
      </c>
      <c r="AR21" s="9" t="s">
        <v>40</v>
      </c>
      <c r="AS21" s="9" t="s">
        <v>40</v>
      </c>
      <c r="AT21" s="9" t="s">
        <v>40</v>
      </c>
      <c r="AU21" s="9" t="s">
        <v>747</v>
      </c>
      <c r="AV21" s="9" t="s">
        <v>40</v>
      </c>
      <c r="AW21" s="9" t="s">
        <v>40</v>
      </c>
      <c r="AX21" s="9" t="s">
        <v>747</v>
      </c>
      <c r="AY21" s="9" t="s">
        <v>40</v>
      </c>
      <c r="AZ21" s="9" t="s">
        <v>40</v>
      </c>
      <c r="BA21" s="9" t="s">
        <v>40</v>
      </c>
      <c r="BB21" s="9" t="s">
        <v>40</v>
      </c>
      <c r="BC21" s="9" t="s">
        <v>40</v>
      </c>
      <c r="BD21" s="9" t="s">
        <v>747</v>
      </c>
      <c r="BE21" s="9" t="s">
        <v>747</v>
      </c>
      <c r="BF21" s="9" t="s">
        <v>40</v>
      </c>
      <c r="BG21" s="9" t="s">
        <v>40</v>
      </c>
      <c r="BH21" s="47">
        <v>11</v>
      </c>
    </row>
    <row r="22" spans="1:60" ht="10" customHeight="1">
      <c r="A22" s="206"/>
      <c r="B22" s="228"/>
      <c r="C22" s="229"/>
      <c r="D22" s="38" t="s">
        <v>36</v>
      </c>
      <c r="E22" s="9" t="s">
        <v>747</v>
      </c>
      <c r="F22" s="9" t="s">
        <v>747</v>
      </c>
      <c r="G22" s="9" t="s">
        <v>747</v>
      </c>
      <c r="H22" s="9" t="s">
        <v>747</v>
      </c>
      <c r="I22" s="9" t="s">
        <v>747</v>
      </c>
      <c r="J22" s="9" t="s">
        <v>747</v>
      </c>
      <c r="K22" s="9" t="s">
        <v>747</v>
      </c>
      <c r="L22" s="9" t="s">
        <v>747</v>
      </c>
      <c r="M22" s="9" t="s">
        <v>747</v>
      </c>
      <c r="N22" s="9" t="s">
        <v>747</v>
      </c>
      <c r="O22" s="9" t="s">
        <v>40</v>
      </c>
      <c r="P22" s="9" t="s">
        <v>747</v>
      </c>
      <c r="Q22" s="9" t="s">
        <v>747</v>
      </c>
      <c r="R22" s="9" t="s">
        <v>747</v>
      </c>
      <c r="S22" s="9" t="s">
        <v>747</v>
      </c>
      <c r="T22" s="9" t="s">
        <v>747</v>
      </c>
      <c r="U22" s="9" t="s">
        <v>747</v>
      </c>
      <c r="V22" s="9" t="s">
        <v>40</v>
      </c>
      <c r="W22" s="9" t="s">
        <v>747</v>
      </c>
      <c r="X22" s="9" t="s">
        <v>747</v>
      </c>
      <c r="Y22" s="9" t="s">
        <v>747</v>
      </c>
      <c r="Z22" s="9" t="s">
        <v>747</v>
      </c>
      <c r="AA22" s="9" t="s">
        <v>747</v>
      </c>
      <c r="AB22" s="9" t="s">
        <v>747</v>
      </c>
      <c r="AC22" s="9" t="s">
        <v>747</v>
      </c>
      <c r="AD22" s="9" t="s">
        <v>747</v>
      </c>
      <c r="AE22" s="9" t="s">
        <v>747</v>
      </c>
      <c r="AF22" s="9" t="s">
        <v>747</v>
      </c>
      <c r="AG22" s="9" t="s">
        <v>40</v>
      </c>
      <c r="AH22" s="9" t="s">
        <v>747</v>
      </c>
      <c r="AI22" s="9" t="s">
        <v>747</v>
      </c>
      <c r="AJ22" s="9" t="s">
        <v>747</v>
      </c>
      <c r="AK22" s="9" t="s">
        <v>747</v>
      </c>
      <c r="AL22" s="9" t="s">
        <v>747</v>
      </c>
      <c r="AM22" s="9" t="s">
        <v>747</v>
      </c>
      <c r="AN22" s="9" t="s">
        <v>747</v>
      </c>
      <c r="AO22" s="9" t="s">
        <v>747</v>
      </c>
      <c r="AP22" s="9" t="s">
        <v>747</v>
      </c>
      <c r="AQ22" s="9" t="s">
        <v>747</v>
      </c>
      <c r="AR22" s="9" t="s">
        <v>747</v>
      </c>
      <c r="AS22" s="9" t="s">
        <v>747</v>
      </c>
      <c r="AT22" s="9" t="s">
        <v>747</v>
      </c>
      <c r="AU22" s="9" t="s">
        <v>747</v>
      </c>
      <c r="AV22" s="9" t="s">
        <v>747</v>
      </c>
      <c r="AW22" s="9" t="s">
        <v>747</v>
      </c>
      <c r="AX22" s="9" t="s">
        <v>40</v>
      </c>
      <c r="AY22" s="9" t="s">
        <v>40</v>
      </c>
      <c r="AZ22" s="9" t="s">
        <v>747</v>
      </c>
      <c r="BA22" s="9" t="s">
        <v>747</v>
      </c>
      <c r="BB22" s="9" t="s">
        <v>747</v>
      </c>
      <c r="BC22" s="9" t="s">
        <v>747</v>
      </c>
      <c r="BD22" s="9" t="s">
        <v>747</v>
      </c>
      <c r="BE22" s="9" t="s">
        <v>40</v>
      </c>
      <c r="BF22" s="9" t="s">
        <v>747</v>
      </c>
      <c r="BG22" s="9" t="s">
        <v>747</v>
      </c>
      <c r="BH22" s="47">
        <v>49</v>
      </c>
    </row>
    <row r="23" spans="1:60" ht="10" customHeight="1">
      <c r="A23" s="206"/>
      <c r="B23" s="230"/>
      <c r="C23" s="231"/>
      <c r="D23" s="38" t="s">
        <v>26</v>
      </c>
      <c r="E23" s="9" t="s">
        <v>40</v>
      </c>
      <c r="F23" s="9" t="s">
        <v>40</v>
      </c>
      <c r="G23" s="9" t="s">
        <v>40</v>
      </c>
      <c r="H23" s="9" t="s">
        <v>40</v>
      </c>
      <c r="I23" s="9" t="s">
        <v>40</v>
      </c>
      <c r="J23" s="9" t="s">
        <v>40</v>
      </c>
      <c r="K23" s="9" t="s">
        <v>40</v>
      </c>
      <c r="L23" s="9" t="s">
        <v>40</v>
      </c>
      <c r="M23" s="9" t="s">
        <v>40</v>
      </c>
      <c r="N23" s="9" t="s">
        <v>40</v>
      </c>
      <c r="O23" s="9" t="s">
        <v>40</v>
      </c>
      <c r="P23" s="9" t="s">
        <v>40</v>
      </c>
      <c r="Q23" s="9" t="s">
        <v>40</v>
      </c>
      <c r="R23" s="9" t="s">
        <v>40</v>
      </c>
      <c r="S23" s="9" t="s">
        <v>40</v>
      </c>
      <c r="T23" s="9" t="s">
        <v>40</v>
      </c>
      <c r="U23" s="9" t="s">
        <v>40</v>
      </c>
      <c r="V23" s="9" t="s">
        <v>40</v>
      </c>
      <c r="W23" s="9" t="s">
        <v>40</v>
      </c>
      <c r="X23" s="9" t="s">
        <v>40</v>
      </c>
      <c r="Y23" s="9" t="s">
        <v>40</v>
      </c>
      <c r="Z23" s="9" t="s">
        <v>40</v>
      </c>
      <c r="AA23" s="9" t="s">
        <v>40</v>
      </c>
      <c r="AB23" s="9" t="s">
        <v>40</v>
      </c>
      <c r="AC23" s="9" t="s">
        <v>40</v>
      </c>
      <c r="AD23" s="9" t="s">
        <v>40</v>
      </c>
      <c r="AE23" s="9" t="s">
        <v>40</v>
      </c>
      <c r="AF23" s="9" t="s">
        <v>40</v>
      </c>
      <c r="AG23" s="9" t="s">
        <v>40</v>
      </c>
      <c r="AH23" s="9" t="s">
        <v>40</v>
      </c>
      <c r="AI23" s="9" t="s">
        <v>40</v>
      </c>
      <c r="AJ23" s="9" t="s">
        <v>40</v>
      </c>
      <c r="AK23" s="9" t="s">
        <v>40</v>
      </c>
      <c r="AL23" s="9" t="s">
        <v>40</v>
      </c>
      <c r="AM23" s="9" t="s">
        <v>40</v>
      </c>
      <c r="AN23" s="9" t="s">
        <v>40</v>
      </c>
      <c r="AO23" s="9" t="s">
        <v>40</v>
      </c>
      <c r="AP23" s="9" t="s">
        <v>40</v>
      </c>
      <c r="AQ23" s="9" t="s">
        <v>40</v>
      </c>
      <c r="AR23" s="9" t="s">
        <v>40</v>
      </c>
      <c r="AS23" s="9" t="s">
        <v>40</v>
      </c>
      <c r="AT23" s="9" t="s">
        <v>40</v>
      </c>
      <c r="AU23" s="9" t="s">
        <v>40</v>
      </c>
      <c r="AV23" s="9" t="s">
        <v>40</v>
      </c>
      <c r="AW23" s="9" t="s">
        <v>40</v>
      </c>
      <c r="AX23" s="9" t="s">
        <v>40</v>
      </c>
      <c r="AY23" s="9" t="s">
        <v>747</v>
      </c>
      <c r="AZ23" s="9" t="s">
        <v>40</v>
      </c>
      <c r="BA23" s="9" t="s">
        <v>40</v>
      </c>
      <c r="BB23" s="9" t="s">
        <v>40</v>
      </c>
      <c r="BC23" s="9" t="s">
        <v>40</v>
      </c>
      <c r="BD23" s="9" t="s">
        <v>40</v>
      </c>
      <c r="BE23" s="9" t="s">
        <v>40</v>
      </c>
      <c r="BF23" s="9" t="s">
        <v>40</v>
      </c>
      <c r="BG23" s="9" t="s">
        <v>40</v>
      </c>
      <c r="BH23" s="47">
        <v>1</v>
      </c>
    </row>
    <row r="24" spans="1:60" ht="10" customHeight="1">
      <c r="A24" s="206"/>
      <c r="B24" s="226" t="s">
        <v>37</v>
      </c>
      <c r="C24" s="227"/>
      <c r="D24" s="15" t="s">
        <v>12</v>
      </c>
      <c r="E24" s="10">
        <v>8</v>
      </c>
      <c r="F24" s="10">
        <v>0</v>
      </c>
      <c r="G24" s="10">
        <v>10</v>
      </c>
      <c r="H24" s="10">
        <v>10</v>
      </c>
      <c r="I24" s="10">
        <v>6</v>
      </c>
      <c r="J24" s="10">
        <v>0</v>
      </c>
      <c r="K24" s="10">
        <v>0</v>
      </c>
      <c r="L24" s="10">
        <v>0</v>
      </c>
      <c r="M24" s="10">
        <v>10</v>
      </c>
      <c r="N24" s="10">
        <v>10</v>
      </c>
      <c r="O24" s="10">
        <v>16</v>
      </c>
      <c r="P24" s="10">
        <v>0</v>
      </c>
      <c r="Q24" s="10">
        <v>10</v>
      </c>
      <c r="R24" s="10">
        <v>8</v>
      </c>
      <c r="S24" s="10">
        <v>0</v>
      </c>
      <c r="T24" s="10">
        <v>0</v>
      </c>
      <c r="U24" s="10">
        <v>10</v>
      </c>
      <c r="V24" s="10">
        <v>10</v>
      </c>
      <c r="W24" s="10">
        <v>0</v>
      </c>
      <c r="X24" s="10">
        <v>0</v>
      </c>
      <c r="Y24" s="10">
        <v>0</v>
      </c>
      <c r="Z24" s="10">
        <v>0</v>
      </c>
      <c r="AA24" s="10">
        <v>10</v>
      </c>
      <c r="AB24" s="10">
        <v>0</v>
      </c>
      <c r="AC24" s="10">
        <v>0</v>
      </c>
      <c r="AD24" s="10">
        <v>8</v>
      </c>
      <c r="AE24" s="10">
        <v>10</v>
      </c>
      <c r="AF24" s="10">
        <v>0</v>
      </c>
      <c r="AG24" s="10">
        <v>10</v>
      </c>
      <c r="AH24" s="10">
        <v>0</v>
      </c>
      <c r="AI24" s="10">
        <v>0</v>
      </c>
      <c r="AJ24" s="10">
        <v>0</v>
      </c>
      <c r="AK24" s="10">
        <v>0</v>
      </c>
      <c r="AL24" s="10">
        <v>8</v>
      </c>
      <c r="AM24" s="10">
        <v>10</v>
      </c>
      <c r="AN24" s="10">
        <v>5</v>
      </c>
      <c r="AO24" s="10">
        <v>0</v>
      </c>
      <c r="AP24" s="10">
        <v>10</v>
      </c>
      <c r="AQ24" s="10">
        <v>10</v>
      </c>
      <c r="AR24" s="10">
        <v>5</v>
      </c>
      <c r="AS24" s="10">
        <v>10</v>
      </c>
      <c r="AT24" s="10">
        <v>10</v>
      </c>
      <c r="AU24" s="10">
        <v>10</v>
      </c>
      <c r="AV24" s="10">
        <v>10</v>
      </c>
      <c r="AW24" s="10">
        <v>5</v>
      </c>
      <c r="AX24" s="10">
        <v>0</v>
      </c>
      <c r="AY24" s="10">
        <v>10</v>
      </c>
      <c r="AZ24" s="10">
        <v>10</v>
      </c>
      <c r="BA24" s="10">
        <v>10</v>
      </c>
      <c r="BB24" s="10">
        <v>10</v>
      </c>
      <c r="BC24" s="10">
        <v>5</v>
      </c>
      <c r="BD24" s="10">
        <v>8</v>
      </c>
      <c r="BE24" s="10">
        <v>0</v>
      </c>
      <c r="BF24" s="10">
        <v>0</v>
      </c>
      <c r="BG24" s="10">
        <v>0</v>
      </c>
      <c r="BH24" s="47"/>
    </row>
    <row r="25" spans="1:60" ht="10" customHeight="1">
      <c r="A25" s="206"/>
      <c r="B25" s="228"/>
      <c r="C25" s="229"/>
      <c r="D25" s="14" t="s">
        <v>13</v>
      </c>
      <c r="E25" s="10">
        <v>979</v>
      </c>
      <c r="F25" s="10">
        <v>275</v>
      </c>
      <c r="G25" s="10">
        <v>1320</v>
      </c>
      <c r="H25" s="10">
        <v>1111</v>
      </c>
      <c r="I25" s="10">
        <v>1430</v>
      </c>
      <c r="J25" s="10">
        <v>264</v>
      </c>
      <c r="K25" s="10">
        <v>660</v>
      </c>
      <c r="L25" s="10">
        <v>440</v>
      </c>
      <c r="M25" s="10">
        <v>748</v>
      </c>
      <c r="N25" s="10">
        <v>825</v>
      </c>
      <c r="O25" s="10">
        <v>1870</v>
      </c>
      <c r="P25" s="10">
        <v>495</v>
      </c>
      <c r="Q25" s="10">
        <v>1375</v>
      </c>
      <c r="R25" s="10">
        <v>1078</v>
      </c>
      <c r="S25" s="10">
        <v>550</v>
      </c>
      <c r="T25" s="10">
        <v>770</v>
      </c>
      <c r="U25" s="10">
        <v>825</v>
      </c>
      <c r="V25" s="10">
        <v>990</v>
      </c>
      <c r="W25" s="10">
        <v>374</v>
      </c>
      <c r="X25" s="10">
        <v>275</v>
      </c>
      <c r="Y25" s="10">
        <v>495</v>
      </c>
      <c r="Z25" s="10">
        <v>605</v>
      </c>
      <c r="AA25" s="10">
        <v>841</v>
      </c>
      <c r="AB25" s="10">
        <v>517</v>
      </c>
      <c r="AC25" s="10">
        <v>1001</v>
      </c>
      <c r="AD25" s="10">
        <v>880</v>
      </c>
      <c r="AE25" s="10">
        <v>990</v>
      </c>
      <c r="AF25" s="10">
        <v>858</v>
      </c>
      <c r="AG25" s="10">
        <v>1276</v>
      </c>
      <c r="AH25" s="10">
        <v>660</v>
      </c>
      <c r="AI25" s="10">
        <v>550</v>
      </c>
      <c r="AJ25" s="10">
        <v>1100</v>
      </c>
      <c r="AK25" s="10">
        <v>393</v>
      </c>
      <c r="AL25" s="10">
        <v>1199</v>
      </c>
      <c r="AM25" s="10">
        <v>1320</v>
      </c>
      <c r="AN25" s="10">
        <v>468</v>
      </c>
      <c r="AO25" s="10">
        <v>1053</v>
      </c>
      <c r="AP25" s="10">
        <v>1705</v>
      </c>
      <c r="AQ25" s="10">
        <v>880</v>
      </c>
      <c r="AR25" s="10">
        <v>550</v>
      </c>
      <c r="AS25" s="10">
        <v>141</v>
      </c>
      <c r="AT25" s="10">
        <v>756</v>
      </c>
      <c r="AU25" s="10">
        <v>1298</v>
      </c>
      <c r="AV25" s="10">
        <v>968</v>
      </c>
      <c r="AW25" s="10">
        <v>1672</v>
      </c>
      <c r="AX25" s="10">
        <v>550</v>
      </c>
      <c r="AY25" s="10">
        <v>1320</v>
      </c>
      <c r="AZ25" s="10">
        <v>1210</v>
      </c>
      <c r="BA25" s="10">
        <v>1281</v>
      </c>
      <c r="BB25" s="10">
        <v>1463</v>
      </c>
      <c r="BC25" s="10">
        <v>715</v>
      </c>
      <c r="BD25" s="10">
        <v>913</v>
      </c>
      <c r="BE25" s="10">
        <v>737</v>
      </c>
      <c r="BF25" s="10">
        <v>572</v>
      </c>
      <c r="BG25" s="10">
        <v>1078</v>
      </c>
      <c r="BH25" s="47"/>
    </row>
    <row r="26" spans="1:60" ht="10" customHeight="1">
      <c r="A26" s="206"/>
      <c r="B26" s="228"/>
      <c r="C26" s="229"/>
      <c r="D26" s="15" t="s">
        <v>14</v>
      </c>
      <c r="E26" s="10">
        <v>193</v>
      </c>
      <c r="F26" s="10">
        <v>66</v>
      </c>
      <c r="G26" s="10">
        <v>176</v>
      </c>
      <c r="H26" s="10">
        <v>174</v>
      </c>
      <c r="I26" s="10">
        <v>12</v>
      </c>
      <c r="J26" s="10">
        <v>66</v>
      </c>
      <c r="K26" s="10">
        <v>55</v>
      </c>
      <c r="L26" s="10">
        <v>110</v>
      </c>
      <c r="M26" s="10">
        <v>115</v>
      </c>
      <c r="N26" s="10">
        <v>94</v>
      </c>
      <c r="O26" s="10">
        <v>132</v>
      </c>
      <c r="P26" s="10">
        <v>49</v>
      </c>
      <c r="Q26" s="10">
        <v>159</v>
      </c>
      <c r="R26" s="10">
        <v>165</v>
      </c>
      <c r="S26" s="10">
        <v>55</v>
      </c>
      <c r="T26" s="10">
        <v>55</v>
      </c>
      <c r="U26" s="10">
        <v>165</v>
      </c>
      <c r="V26" s="10">
        <v>148</v>
      </c>
      <c r="W26" s="10">
        <v>49</v>
      </c>
      <c r="X26" s="10">
        <v>83</v>
      </c>
      <c r="Y26" s="10">
        <v>66</v>
      </c>
      <c r="Z26" s="10">
        <v>70</v>
      </c>
      <c r="AA26" s="10">
        <v>121</v>
      </c>
      <c r="AB26" s="10">
        <v>63</v>
      </c>
      <c r="AC26" s="10">
        <v>66</v>
      </c>
      <c r="AD26" s="10">
        <v>110</v>
      </c>
      <c r="AE26" s="10">
        <v>127</v>
      </c>
      <c r="AF26" s="10">
        <v>5</v>
      </c>
      <c r="AG26" s="10">
        <v>187</v>
      </c>
      <c r="AH26" s="10">
        <v>55</v>
      </c>
      <c r="AI26" s="10">
        <v>66</v>
      </c>
      <c r="AJ26" s="10">
        <v>17</v>
      </c>
      <c r="AK26" s="10">
        <v>87</v>
      </c>
      <c r="AL26" s="10">
        <v>132</v>
      </c>
      <c r="AM26" s="10">
        <v>165</v>
      </c>
      <c r="AN26" s="10">
        <v>99</v>
      </c>
      <c r="AO26" s="10">
        <v>0</v>
      </c>
      <c r="AP26" s="10">
        <v>0</v>
      </c>
      <c r="AQ26" s="10">
        <v>143</v>
      </c>
      <c r="AR26" s="10">
        <v>83</v>
      </c>
      <c r="AS26" s="10">
        <v>159</v>
      </c>
      <c r="AT26" s="10">
        <v>121</v>
      </c>
      <c r="AU26" s="10">
        <v>165</v>
      </c>
      <c r="AV26" s="10">
        <v>127</v>
      </c>
      <c r="AW26" s="10">
        <v>55</v>
      </c>
      <c r="AX26" s="10">
        <v>66</v>
      </c>
      <c r="AY26" s="10">
        <v>180</v>
      </c>
      <c r="AZ26" s="10">
        <v>128</v>
      </c>
      <c r="BA26" s="10">
        <v>170</v>
      </c>
      <c r="BB26" s="10">
        <v>154</v>
      </c>
      <c r="BC26" s="10">
        <v>132</v>
      </c>
      <c r="BD26" s="10">
        <v>66</v>
      </c>
      <c r="BE26" s="10">
        <v>55</v>
      </c>
      <c r="BF26" s="10">
        <v>85</v>
      </c>
      <c r="BG26" s="10">
        <v>77</v>
      </c>
      <c r="BH26" s="47"/>
    </row>
    <row r="27" spans="1:60" ht="10" customHeight="1">
      <c r="A27" s="206"/>
      <c r="B27" s="228"/>
      <c r="C27" s="229"/>
      <c r="D27" s="15" t="s">
        <v>15</v>
      </c>
      <c r="E27" s="10">
        <v>1364</v>
      </c>
      <c r="F27" s="10">
        <v>990</v>
      </c>
      <c r="G27" s="10">
        <v>1320</v>
      </c>
      <c r="H27" s="10">
        <v>1111</v>
      </c>
      <c r="I27" s="10">
        <v>1474</v>
      </c>
      <c r="J27" s="10">
        <v>924</v>
      </c>
      <c r="K27" s="10">
        <v>1210</v>
      </c>
      <c r="L27" s="10">
        <v>1540</v>
      </c>
      <c r="M27" s="10">
        <v>748</v>
      </c>
      <c r="N27" s="10">
        <v>825</v>
      </c>
      <c r="O27" s="10">
        <v>1199</v>
      </c>
      <c r="P27" s="10">
        <v>990</v>
      </c>
      <c r="Q27" s="10">
        <v>1375</v>
      </c>
      <c r="R27" s="10">
        <v>1408</v>
      </c>
      <c r="S27" s="10">
        <v>1210</v>
      </c>
      <c r="T27" s="10">
        <v>1320</v>
      </c>
      <c r="U27" s="10">
        <v>825</v>
      </c>
      <c r="V27" s="10">
        <v>990</v>
      </c>
      <c r="W27" s="10">
        <v>869</v>
      </c>
      <c r="X27" s="10">
        <v>1100</v>
      </c>
      <c r="Y27" s="10">
        <v>1155</v>
      </c>
      <c r="Z27" s="10">
        <v>1309</v>
      </c>
      <c r="AA27" s="10">
        <v>841</v>
      </c>
      <c r="AB27" s="10">
        <v>1155</v>
      </c>
      <c r="AC27" s="10">
        <v>1661</v>
      </c>
      <c r="AD27" s="10">
        <v>1100</v>
      </c>
      <c r="AE27" s="10">
        <v>990</v>
      </c>
      <c r="AF27" s="10">
        <v>913</v>
      </c>
      <c r="AG27" s="10">
        <v>1336</v>
      </c>
      <c r="AH27" s="10">
        <v>1210</v>
      </c>
      <c r="AI27" s="10">
        <v>1210</v>
      </c>
      <c r="AJ27" s="10">
        <v>1302</v>
      </c>
      <c r="AK27" s="10">
        <v>1262</v>
      </c>
      <c r="AL27" s="10">
        <v>1463</v>
      </c>
      <c r="AM27" s="10">
        <v>1320</v>
      </c>
      <c r="AN27" s="10">
        <v>962</v>
      </c>
      <c r="AO27" s="10">
        <v>1251</v>
      </c>
      <c r="AP27" s="10">
        <v>1705</v>
      </c>
      <c r="AQ27" s="10">
        <v>880</v>
      </c>
      <c r="AR27" s="10">
        <v>962</v>
      </c>
      <c r="AS27" s="10">
        <v>1419</v>
      </c>
      <c r="AT27" s="10">
        <v>756</v>
      </c>
      <c r="AU27" s="10">
        <v>1298</v>
      </c>
      <c r="AV27" s="10">
        <v>968</v>
      </c>
      <c r="AW27" s="10">
        <v>1947</v>
      </c>
      <c r="AX27" s="10">
        <v>1280</v>
      </c>
      <c r="AY27" s="10">
        <v>1320</v>
      </c>
      <c r="AZ27" s="10">
        <v>1254</v>
      </c>
      <c r="BA27" s="10">
        <v>1281</v>
      </c>
      <c r="BB27" s="10">
        <v>1463</v>
      </c>
      <c r="BC27" s="10">
        <v>1375</v>
      </c>
      <c r="BD27" s="10">
        <v>1045</v>
      </c>
      <c r="BE27" s="10">
        <v>1353</v>
      </c>
      <c r="BF27" s="10">
        <v>1430</v>
      </c>
      <c r="BG27" s="10">
        <v>1848</v>
      </c>
      <c r="BH27" s="47"/>
    </row>
    <row r="28" spans="1:60" ht="10" customHeight="1">
      <c r="A28" s="206"/>
      <c r="B28" s="230"/>
      <c r="C28" s="231"/>
      <c r="D28" s="44" t="s">
        <v>543</v>
      </c>
      <c r="E28" s="10">
        <v>3289</v>
      </c>
      <c r="F28" s="10">
        <v>2145</v>
      </c>
      <c r="G28" s="10">
        <v>3135</v>
      </c>
      <c r="H28" s="10">
        <v>2849</v>
      </c>
      <c r="I28" s="10">
        <v>3069</v>
      </c>
      <c r="J28" s="10">
        <v>2134</v>
      </c>
      <c r="K28" s="10">
        <v>2255</v>
      </c>
      <c r="L28" s="10">
        <v>2860</v>
      </c>
      <c r="M28" s="10">
        <v>1903</v>
      </c>
      <c r="N28" s="10">
        <v>1925</v>
      </c>
      <c r="O28" s="10">
        <v>2684</v>
      </c>
      <c r="P28" s="10">
        <v>2255</v>
      </c>
      <c r="Q28" s="10">
        <v>2970</v>
      </c>
      <c r="R28" s="10">
        <v>3058</v>
      </c>
      <c r="S28" s="10">
        <v>2838</v>
      </c>
      <c r="T28" s="10">
        <v>2970</v>
      </c>
      <c r="U28" s="10">
        <v>2475</v>
      </c>
      <c r="V28" s="10">
        <v>2475</v>
      </c>
      <c r="W28" s="10">
        <v>1749</v>
      </c>
      <c r="X28" s="10">
        <v>2420</v>
      </c>
      <c r="Y28" s="10">
        <v>2255</v>
      </c>
      <c r="Z28" s="10">
        <v>2288</v>
      </c>
      <c r="AA28" s="10">
        <v>2051</v>
      </c>
      <c r="AB28" s="10">
        <v>2145</v>
      </c>
      <c r="AC28" s="10">
        <v>2981</v>
      </c>
      <c r="AD28" s="10">
        <v>2530</v>
      </c>
      <c r="AE28" s="10">
        <v>2255</v>
      </c>
      <c r="AF28" s="10">
        <v>2563</v>
      </c>
      <c r="AG28" s="10">
        <v>3206</v>
      </c>
      <c r="AH28" s="10">
        <v>2640</v>
      </c>
      <c r="AI28" s="10">
        <v>2200</v>
      </c>
      <c r="AJ28" s="10">
        <v>3062</v>
      </c>
      <c r="AK28" s="10">
        <v>2362</v>
      </c>
      <c r="AL28" s="10">
        <v>2783</v>
      </c>
      <c r="AM28" s="10">
        <v>2970</v>
      </c>
      <c r="AN28" s="10">
        <v>2172</v>
      </c>
      <c r="AO28" s="10">
        <v>2593</v>
      </c>
      <c r="AP28" s="10">
        <v>3465</v>
      </c>
      <c r="AQ28" s="10">
        <v>2310</v>
      </c>
      <c r="AR28" s="10">
        <v>1897</v>
      </c>
      <c r="AS28" s="10">
        <v>3014</v>
      </c>
      <c r="AT28" s="10">
        <v>1966</v>
      </c>
      <c r="AU28" s="10">
        <v>2948</v>
      </c>
      <c r="AV28" s="10">
        <v>2288</v>
      </c>
      <c r="AW28" s="10">
        <v>4147</v>
      </c>
      <c r="AX28" s="10">
        <v>2567</v>
      </c>
      <c r="AY28" s="10">
        <v>3190</v>
      </c>
      <c r="AZ28" s="10">
        <v>2541</v>
      </c>
      <c r="BA28" s="10">
        <v>2986</v>
      </c>
      <c r="BB28" s="10">
        <v>3003</v>
      </c>
      <c r="BC28" s="10">
        <v>2805</v>
      </c>
      <c r="BD28" s="10">
        <v>2805</v>
      </c>
      <c r="BE28" s="10">
        <v>3223</v>
      </c>
      <c r="BF28" s="10">
        <v>2508</v>
      </c>
      <c r="BG28" s="10">
        <v>3388</v>
      </c>
      <c r="BH28" s="47"/>
    </row>
    <row r="29" spans="1:60" ht="10" customHeight="1">
      <c r="A29" s="207"/>
      <c r="B29" s="217" t="s">
        <v>16</v>
      </c>
      <c r="C29" s="209"/>
      <c r="D29" s="210"/>
      <c r="E29" s="8" t="s">
        <v>870</v>
      </c>
      <c r="F29" s="8" t="s">
        <v>870</v>
      </c>
      <c r="G29" s="8" t="s">
        <v>871</v>
      </c>
      <c r="H29" s="8" t="s">
        <v>872</v>
      </c>
      <c r="I29" s="8" t="s">
        <v>871</v>
      </c>
      <c r="J29" s="8" t="s">
        <v>870</v>
      </c>
      <c r="K29" s="8" t="s">
        <v>870</v>
      </c>
      <c r="L29" s="8" t="s">
        <v>870</v>
      </c>
      <c r="M29" s="8" t="s">
        <v>870</v>
      </c>
      <c r="N29" s="8" t="s">
        <v>870</v>
      </c>
      <c r="O29" s="8" t="s">
        <v>870</v>
      </c>
      <c r="P29" s="8" t="s">
        <v>870</v>
      </c>
      <c r="Q29" s="8" t="s">
        <v>873</v>
      </c>
      <c r="R29" s="8" t="s">
        <v>870</v>
      </c>
      <c r="S29" s="8" t="s">
        <v>870</v>
      </c>
      <c r="T29" s="8" t="s">
        <v>870</v>
      </c>
      <c r="U29" s="8" t="s">
        <v>870</v>
      </c>
      <c r="V29" s="8" t="s">
        <v>870</v>
      </c>
      <c r="W29" s="8" t="s">
        <v>870</v>
      </c>
      <c r="X29" s="8" t="s">
        <v>870</v>
      </c>
      <c r="Y29" s="8" t="s">
        <v>874</v>
      </c>
      <c r="Z29" s="8" t="s">
        <v>870</v>
      </c>
      <c r="AA29" s="8" t="s">
        <v>875</v>
      </c>
      <c r="AB29" s="8" t="s">
        <v>870</v>
      </c>
      <c r="AC29" s="8" t="s">
        <v>870</v>
      </c>
      <c r="AD29" s="8" t="s">
        <v>870</v>
      </c>
      <c r="AE29" s="8" t="s">
        <v>870</v>
      </c>
      <c r="AF29" s="8" t="s">
        <v>876</v>
      </c>
      <c r="AG29" s="8" t="s">
        <v>870</v>
      </c>
      <c r="AH29" s="8" t="s">
        <v>870</v>
      </c>
      <c r="AI29" s="8" t="s">
        <v>877</v>
      </c>
      <c r="AJ29" s="8" t="s">
        <v>878</v>
      </c>
      <c r="AK29" s="8" t="s">
        <v>878</v>
      </c>
      <c r="AL29" s="8" t="s">
        <v>870</v>
      </c>
      <c r="AM29" s="8" t="s">
        <v>870</v>
      </c>
      <c r="AN29" s="8" t="s">
        <v>870</v>
      </c>
      <c r="AO29" s="8" t="s">
        <v>879</v>
      </c>
      <c r="AP29" s="8" t="s">
        <v>870</v>
      </c>
      <c r="AQ29" s="8" t="s">
        <v>870</v>
      </c>
      <c r="AR29" s="8" t="s">
        <v>870</v>
      </c>
      <c r="AS29" s="8" t="s">
        <v>878</v>
      </c>
      <c r="AT29" s="8" t="s">
        <v>870</v>
      </c>
      <c r="AU29" s="8" t="s">
        <v>878</v>
      </c>
      <c r="AV29" s="8" t="s">
        <v>870</v>
      </c>
      <c r="AW29" s="8" t="s">
        <v>880</v>
      </c>
      <c r="AX29" s="8" t="s">
        <v>880</v>
      </c>
      <c r="AY29" s="8" t="s">
        <v>870</v>
      </c>
      <c r="AZ29" s="8" t="s">
        <v>880</v>
      </c>
      <c r="BA29" s="8" t="s">
        <v>870</v>
      </c>
      <c r="BB29" s="8" t="s">
        <v>870</v>
      </c>
      <c r="BC29" s="8" t="s">
        <v>870</v>
      </c>
      <c r="BD29" s="8" t="s">
        <v>870</v>
      </c>
      <c r="BE29" s="8" t="s">
        <v>870</v>
      </c>
      <c r="BF29" s="8" t="s">
        <v>870</v>
      </c>
      <c r="BG29" s="8" t="s">
        <v>877</v>
      </c>
      <c r="BH29" s="47"/>
    </row>
    <row r="30" spans="1:60" ht="10" customHeight="1">
      <c r="A30" s="221" t="s">
        <v>38</v>
      </c>
      <c r="B30" s="222" t="s">
        <v>17</v>
      </c>
      <c r="C30" s="219"/>
      <c r="D30" s="220"/>
      <c r="E30" s="10">
        <v>308</v>
      </c>
      <c r="F30" s="10">
        <v>57</v>
      </c>
      <c r="G30" s="10">
        <v>25</v>
      </c>
      <c r="H30" s="10">
        <v>84</v>
      </c>
      <c r="I30" s="10">
        <v>10</v>
      </c>
      <c r="J30" s="10">
        <v>58</v>
      </c>
      <c r="K30" s="10">
        <v>17</v>
      </c>
      <c r="L30" s="10">
        <v>9</v>
      </c>
      <c r="M30" s="10">
        <v>17</v>
      </c>
      <c r="N30" s="10">
        <v>15</v>
      </c>
      <c r="O30" s="10">
        <v>27</v>
      </c>
      <c r="P30" s="10">
        <v>18</v>
      </c>
      <c r="Q30" s="10">
        <v>8</v>
      </c>
      <c r="R30" s="10">
        <v>18</v>
      </c>
      <c r="S30" s="10">
        <v>17</v>
      </c>
      <c r="T30" s="10">
        <v>44</v>
      </c>
      <c r="U30" s="10">
        <v>59</v>
      </c>
      <c r="V30" s="10">
        <v>10</v>
      </c>
      <c r="W30" s="10">
        <v>19</v>
      </c>
      <c r="X30" s="10">
        <v>20</v>
      </c>
      <c r="Y30" s="10">
        <v>21</v>
      </c>
      <c r="Z30" s="10">
        <v>12</v>
      </c>
      <c r="AA30" s="10">
        <v>15</v>
      </c>
      <c r="AB30" s="10">
        <v>21</v>
      </c>
      <c r="AC30" s="10">
        <v>24</v>
      </c>
      <c r="AD30" s="10">
        <v>20</v>
      </c>
      <c r="AE30" s="10">
        <v>12</v>
      </c>
      <c r="AF30" s="10">
        <v>24</v>
      </c>
      <c r="AG30" s="10">
        <v>7</v>
      </c>
      <c r="AH30" s="10">
        <v>11</v>
      </c>
      <c r="AI30" s="10">
        <v>13</v>
      </c>
      <c r="AJ30" s="10">
        <v>4</v>
      </c>
      <c r="AK30" s="10">
        <v>11</v>
      </c>
      <c r="AL30" s="10">
        <v>8</v>
      </c>
      <c r="AM30" s="10">
        <v>9</v>
      </c>
      <c r="AN30" s="10">
        <v>7</v>
      </c>
      <c r="AO30" s="10">
        <v>10</v>
      </c>
      <c r="AP30" s="10">
        <v>8</v>
      </c>
      <c r="AQ30" s="10">
        <v>5</v>
      </c>
      <c r="AR30" s="10">
        <v>6</v>
      </c>
      <c r="AS30" s="10">
        <v>12</v>
      </c>
      <c r="AT30" s="10">
        <v>4</v>
      </c>
      <c r="AU30" s="10">
        <v>6</v>
      </c>
      <c r="AV30" s="10">
        <v>5</v>
      </c>
      <c r="AW30" s="10">
        <v>6</v>
      </c>
      <c r="AX30" s="10">
        <v>5</v>
      </c>
      <c r="AY30" s="10">
        <v>5</v>
      </c>
      <c r="AZ30" s="10">
        <v>6</v>
      </c>
      <c r="BA30" s="10">
        <v>12</v>
      </c>
      <c r="BB30" s="10">
        <v>5</v>
      </c>
      <c r="BC30" s="10">
        <v>8</v>
      </c>
      <c r="BD30" s="10">
        <v>96</v>
      </c>
      <c r="BE30" s="10">
        <v>39</v>
      </c>
      <c r="BF30" s="10">
        <v>43</v>
      </c>
      <c r="BG30" s="10">
        <v>30</v>
      </c>
      <c r="BH30" s="47">
        <v>1370</v>
      </c>
    </row>
    <row r="31" spans="1:60" ht="10" customHeight="1">
      <c r="A31" s="206"/>
      <c r="B31" s="16"/>
      <c r="C31" s="217" t="s">
        <v>18</v>
      </c>
      <c r="D31" s="210"/>
      <c r="E31" s="10">
        <v>12</v>
      </c>
      <c r="F31" s="10">
        <v>8</v>
      </c>
      <c r="G31" s="10">
        <v>0</v>
      </c>
      <c r="H31" s="10">
        <v>8</v>
      </c>
      <c r="I31" s="10">
        <v>2</v>
      </c>
      <c r="J31" s="10">
        <v>0</v>
      </c>
      <c r="K31" s="10">
        <v>2</v>
      </c>
      <c r="L31" s="10">
        <v>0</v>
      </c>
      <c r="M31" s="10">
        <v>1</v>
      </c>
      <c r="N31" s="10">
        <v>1</v>
      </c>
      <c r="O31" s="10">
        <v>3</v>
      </c>
      <c r="P31" s="10">
        <v>4</v>
      </c>
      <c r="Q31" s="10">
        <v>2</v>
      </c>
      <c r="R31" s="10">
        <v>0</v>
      </c>
      <c r="S31" s="10">
        <v>4</v>
      </c>
      <c r="T31" s="10">
        <v>0</v>
      </c>
      <c r="U31" s="10">
        <v>2</v>
      </c>
      <c r="V31" s="10">
        <v>1</v>
      </c>
      <c r="W31" s="10">
        <v>3</v>
      </c>
      <c r="X31" s="10">
        <v>0</v>
      </c>
      <c r="Y31" s="10">
        <v>1</v>
      </c>
      <c r="Z31" s="10">
        <v>1</v>
      </c>
      <c r="AA31" s="10">
        <v>3</v>
      </c>
      <c r="AB31" s="10">
        <v>0</v>
      </c>
      <c r="AC31" s="10">
        <v>1</v>
      </c>
      <c r="AD31" s="10">
        <v>2</v>
      </c>
      <c r="AE31" s="10">
        <v>0</v>
      </c>
      <c r="AF31" s="10">
        <v>1</v>
      </c>
      <c r="AG31" s="10">
        <v>0</v>
      </c>
      <c r="AH31" s="10">
        <v>1</v>
      </c>
      <c r="AI31" s="10">
        <v>1</v>
      </c>
      <c r="AJ31" s="10">
        <v>0</v>
      </c>
      <c r="AK31" s="10">
        <v>4</v>
      </c>
      <c r="AL31" s="10">
        <v>0</v>
      </c>
      <c r="AM31" s="10">
        <v>1</v>
      </c>
      <c r="AN31" s="10">
        <v>0</v>
      </c>
      <c r="AO31" s="10">
        <v>2</v>
      </c>
      <c r="AP31" s="10">
        <v>3</v>
      </c>
      <c r="AQ31" s="10">
        <v>0</v>
      </c>
      <c r="AR31" s="10">
        <v>1</v>
      </c>
      <c r="AS31" s="10">
        <v>1</v>
      </c>
      <c r="AT31" s="10">
        <v>1</v>
      </c>
      <c r="AU31" s="10">
        <v>0</v>
      </c>
      <c r="AV31" s="10">
        <v>1</v>
      </c>
      <c r="AW31" s="10">
        <v>1</v>
      </c>
      <c r="AX31" s="10">
        <v>0</v>
      </c>
      <c r="AY31" s="10">
        <v>0</v>
      </c>
      <c r="AZ31" s="10">
        <v>1</v>
      </c>
      <c r="BA31" s="10">
        <v>1</v>
      </c>
      <c r="BB31" s="10">
        <v>1</v>
      </c>
      <c r="BC31" s="10">
        <v>0</v>
      </c>
      <c r="BD31" s="10">
        <v>0</v>
      </c>
      <c r="BE31" s="10">
        <v>0</v>
      </c>
      <c r="BF31" s="10">
        <v>7</v>
      </c>
      <c r="BG31" s="10">
        <v>10</v>
      </c>
      <c r="BH31" s="47">
        <v>99</v>
      </c>
    </row>
    <row r="32" spans="1:60" ht="10" customHeight="1">
      <c r="A32" s="206"/>
      <c r="B32" s="16"/>
      <c r="C32" s="217" t="s">
        <v>19</v>
      </c>
      <c r="D32" s="210"/>
      <c r="E32" s="10">
        <v>0</v>
      </c>
      <c r="F32" s="10">
        <v>4</v>
      </c>
      <c r="G32" s="10">
        <v>2</v>
      </c>
      <c r="H32" s="10">
        <v>5</v>
      </c>
      <c r="I32" s="10">
        <v>0</v>
      </c>
      <c r="J32" s="10">
        <v>9</v>
      </c>
      <c r="K32" s="10">
        <v>3</v>
      </c>
      <c r="L32" s="10">
        <v>0</v>
      </c>
      <c r="M32" s="10">
        <v>3</v>
      </c>
      <c r="N32" s="10">
        <v>2</v>
      </c>
      <c r="O32" s="10">
        <v>0</v>
      </c>
      <c r="P32" s="10">
        <v>0</v>
      </c>
      <c r="Q32" s="10">
        <v>5</v>
      </c>
      <c r="R32" s="10">
        <v>2</v>
      </c>
      <c r="S32" s="10">
        <v>0</v>
      </c>
      <c r="T32" s="10">
        <v>8</v>
      </c>
      <c r="U32" s="10">
        <v>4</v>
      </c>
      <c r="V32" s="10">
        <v>0</v>
      </c>
      <c r="W32" s="10">
        <v>0</v>
      </c>
      <c r="X32" s="10">
        <v>0</v>
      </c>
      <c r="Y32" s="10">
        <v>2</v>
      </c>
      <c r="Z32" s="10">
        <v>1</v>
      </c>
      <c r="AA32" s="10">
        <v>0</v>
      </c>
      <c r="AB32" s="10">
        <v>0</v>
      </c>
      <c r="AC32" s="10">
        <v>1</v>
      </c>
      <c r="AD32" s="10">
        <v>1</v>
      </c>
      <c r="AE32" s="10">
        <v>1</v>
      </c>
      <c r="AF32" s="10">
        <v>1</v>
      </c>
      <c r="AG32" s="10">
        <v>0</v>
      </c>
      <c r="AH32" s="10">
        <v>1</v>
      </c>
      <c r="AI32" s="10">
        <v>2</v>
      </c>
      <c r="AJ32" s="10">
        <v>0</v>
      </c>
      <c r="AK32" s="10">
        <v>0</v>
      </c>
      <c r="AL32" s="10">
        <v>0</v>
      </c>
      <c r="AM32" s="10">
        <v>1</v>
      </c>
      <c r="AN32" s="10">
        <v>1</v>
      </c>
      <c r="AO32" s="10">
        <v>0</v>
      </c>
      <c r="AP32" s="10">
        <v>1</v>
      </c>
      <c r="AQ32" s="10">
        <v>0</v>
      </c>
      <c r="AR32" s="10">
        <v>1</v>
      </c>
      <c r="AS32" s="10">
        <v>1</v>
      </c>
      <c r="AT32" s="10">
        <v>0</v>
      </c>
      <c r="AU32" s="10">
        <v>0</v>
      </c>
      <c r="AV32" s="10">
        <v>0</v>
      </c>
      <c r="AW32" s="10">
        <v>0</v>
      </c>
      <c r="AX32" s="10">
        <v>0</v>
      </c>
      <c r="AY32" s="10">
        <v>0</v>
      </c>
      <c r="AZ32" s="10">
        <v>1</v>
      </c>
      <c r="BA32" s="10">
        <v>1</v>
      </c>
      <c r="BB32" s="10">
        <v>0</v>
      </c>
      <c r="BC32" s="10">
        <v>1</v>
      </c>
      <c r="BD32" s="10">
        <v>23</v>
      </c>
      <c r="BE32" s="10">
        <v>6</v>
      </c>
      <c r="BF32" s="10">
        <v>6</v>
      </c>
      <c r="BG32" s="10">
        <v>11</v>
      </c>
      <c r="BH32" s="47">
        <v>111</v>
      </c>
    </row>
    <row r="33" spans="1:60" ht="10" customHeight="1">
      <c r="A33" s="206"/>
      <c r="B33" s="16"/>
      <c r="C33" s="217" t="s">
        <v>20</v>
      </c>
      <c r="D33" s="210"/>
      <c r="E33" s="10">
        <v>53</v>
      </c>
      <c r="F33" s="10">
        <v>21</v>
      </c>
      <c r="G33" s="10">
        <v>11</v>
      </c>
      <c r="H33" s="10">
        <v>37</v>
      </c>
      <c r="I33" s="10">
        <v>2</v>
      </c>
      <c r="J33" s="10">
        <v>21</v>
      </c>
      <c r="K33" s="10">
        <v>4</v>
      </c>
      <c r="L33" s="10">
        <v>0</v>
      </c>
      <c r="M33" s="10">
        <v>6</v>
      </c>
      <c r="N33" s="10">
        <v>5</v>
      </c>
      <c r="O33" s="10">
        <v>12</v>
      </c>
      <c r="P33" s="10">
        <v>7</v>
      </c>
      <c r="Q33" s="10">
        <v>1</v>
      </c>
      <c r="R33" s="10">
        <v>4</v>
      </c>
      <c r="S33" s="10">
        <v>5</v>
      </c>
      <c r="T33" s="10">
        <v>8</v>
      </c>
      <c r="U33" s="10">
        <v>12</v>
      </c>
      <c r="V33" s="10">
        <v>1</v>
      </c>
      <c r="W33" s="10">
        <v>2</v>
      </c>
      <c r="X33" s="10">
        <v>5</v>
      </c>
      <c r="Y33" s="10">
        <v>4</v>
      </c>
      <c r="Z33" s="10">
        <v>6</v>
      </c>
      <c r="AA33" s="10">
        <v>3</v>
      </c>
      <c r="AB33" s="10">
        <v>0</v>
      </c>
      <c r="AC33" s="10">
        <v>8</v>
      </c>
      <c r="AD33" s="10">
        <v>4</v>
      </c>
      <c r="AE33" s="10">
        <v>4</v>
      </c>
      <c r="AF33" s="10">
        <v>10</v>
      </c>
      <c r="AG33" s="10">
        <v>1</v>
      </c>
      <c r="AH33" s="10">
        <v>3</v>
      </c>
      <c r="AI33" s="10">
        <v>4</v>
      </c>
      <c r="AJ33" s="10">
        <v>0</v>
      </c>
      <c r="AK33" s="10">
        <v>2</v>
      </c>
      <c r="AL33" s="10">
        <v>4</v>
      </c>
      <c r="AM33" s="10">
        <v>1</v>
      </c>
      <c r="AN33" s="10">
        <v>2</v>
      </c>
      <c r="AO33" s="10">
        <v>3</v>
      </c>
      <c r="AP33" s="10">
        <v>4</v>
      </c>
      <c r="AQ33" s="10">
        <v>0</v>
      </c>
      <c r="AR33" s="10">
        <v>4</v>
      </c>
      <c r="AS33" s="10">
        <v>4</v>
      </c>
      <c r="AT33" s="10">
        <v>0</v>
      </c>
      <c r="AU33" s="10">
        <v>6</v>
      </c>
      <c r="AV33" s="10">
        <v>1</v>
      </c>
      <c r="AW33" s="10">
        <v>1</v>
      </c>
      <c r="AX33" s="10">
        <v>5</v>
      </c>
      <c r="AY33" s="10">
        <v>5</v>
      </c>
      <c r="AZ33" s="10">
        <v>1</v>
      </c>
      <c r="BA33" s="10">
        <v>5</v>
      </c>
      <c r="BB33" s="10">
        <v>1</v>
      </c>
      <c r="BC33" s="10">
        <v>2</v>
      </c>
      <c r="BD33" s="10">
        <v>25</v>
      </c>
      <c r="BE33" s="10">
        <v>14</v>
      </c>
      <c r="BF33" s="10">
        <v>12</v>
      </c>
      <c r="BG33" s="10">
        <v>9</v>
      </c>
      <c r="BH33" s="47">
        <v>375</v>
      </c>
    </row>
    <row r="34" spans="1:60" ht="10" customHeight="1">
      <c r="A34" s="206"/>
      <c r="B34" s="16"/>
      <c r="C34" s="217" t="s">
        <v>21</v>
      </c>
      <c r="D34" s="210"/>
      <c r="E34" s="10">
        <v>0</v>
      </c>
      <c r="F34" s="10">
        <v>0</v>
      </c>
      <c r="G34" s="10">
        <v>0</v>
      </c>
      <c r="H34" s="10">
        <v>0</v>
      </c>
      <c r="I34" s="10">
        <v>0</v>
      </c>
      <c r="J34" s="10">
        <v>0</v>
      </c>
      <c r="K34" s="10">
        <v>0</v>
      </c>
      <c r="L34" s="10">
        <v>0</v>
      </c>
      <c r="M34" s="10">
        <v>0</v>
      </c>
      <c r="N34" s="10">
        <v>0</v>
      </c>
      <c r="O34" s="10">
        <v>0</v>
      </c>
      <c r="P34" s="10">
        <v>0</v>
      </c>
      <c r="Q34" s="10">
        <v>0</v>
      </c>
      <c r="R34" s="10">
        <v>0</v>
      </c>
      <c r="S34" s="10">
        <v>0</v>
      </c>
      <c r="T34" s="10">
        <v>0</v>
      </c>
      <c r="U34" s="10">
        <v>0</v>
      </c>
      <c r="V34" s="10">
        <v>0</v>
      </c>
      <c r="W34" s="10">
        <v>0</v>
      </c>
      <c r="X34" s="10">
        <v>0</v>
      </c>
      <c r="Y34" s="10">
        <v>0</v>
      </c>
      <c r="Z34" s="10">
        <v>0</v>
      </c>
      <c r="AA34" s="10">
        <v>0</v>
      </c>
      <c r="AB34" s="10">
        <v>0</v>
      </c>
      <c r="AC34" s="10">
        <v>0</v>
      </c>
      <c r="AD34" s="10">
        <v>0</v>
      </c>
      <c r="AE34" s="10">
        <v>0</v>
      </c>
      <c r="AF34" s="10">
        <v>0</v>
      </c>
      <c r="AG34" s="10">
        <v>0</v>
      </c>
      <c r="AH34" s="10">
        <v>0</v>
      </c>
      <c r="AI34" s="10">
        <v>0</v>
      </c>
      <c r="AJ34" s="10">
        <v>0</v>
      </c>
      <c r="AK34" s="10">
        <v>0</v>
      </c>
      <c r="AL34" s="10">
        <v>0</v>
      </c>
      <c r="AM34" s="10">
        <v>0</v>
      </c>
      <c r="AN34" s="10">
        <v>0</v>
      </c>
      <c r="AO34" s="10">
        <v>0</v>
      </c>
      <c r="AP34" s="10">
        <v>0</v>
      </c>
      <c r="AQ34" s="10">
        <v>0</v>
      </c>
      <c r="AR34" s="10">
        <v>0</v>
      </c>
      <c r="AS34" s="10">
        <v>0</v>
      </c>
      <c r="AT34" s="10">
        <v>0</v>
      </c>
      <c r="AU34" s="10">
        <v>0</v>
      </c>
      <c r="AV34" s="10">
        <v>0</v>
      </c>
      <c r="AW34" s="10">
        <v>0</v>
      </c>
      <c r="AX34" s="10">
        <v>0</v>
      </c>
      <c r="AY34" s="10">
        <v>0</v>
      </c>
      <c r="AZ34" s="10">
        <v>0</v>
      </c>
      <c r="BA34" s="10">
        <v>0</v>
      </c>
      <c r="BB34" s="10">
        <v>0</v>
      </c>
      <c r="BC34" s="10">
        <v>0</v>
      </c>
      <c r="BD34" s="10">
        <v>0</v>
      </c>
      <c r="BE34" s="10">
        <v>0</v>
      </c>
      <c r="BF34" s="10">
        <v>0</v>
      </c>
      <c r="BG34" s="10">
        <v>0</v>
      </c>
      <c r="BH34" s="47">
        <v>0</v>
      </c>
    </row>
    <row r="35" spans="1:60" ht="10" customHeight="1">
      <c r="A35" s="206"/>
      <c r="B35" s="17"/>
      <c r="C35" s="217" t="s">
        <v>22</v>
      </c>
      <c r="D35" s="210"/>
      <c r="E35" s="10">
        <v>0</v>
      </c>
      <c r="F35" s="10">
        <v>0</v>
      </c>
      <c r="G35" s="10">
        <v>0</v>
      </c>
      <c r="H35" s="10">
        <v>0</v>
      </c>
      <c r="I35" s="10">
        <v>0</v>
      </c>
      <c r="J35" s="10">
        <v>0</v>
      </c>
      <c r="K35" s="10">
        <v>0</v>
      </c>
      <c r="L35" s="10">
        <v>0</v>
      </c>
      <c r="M35" s="10">
        <v>0</v>
      </c>
      <c r="N35" s="10">
        <v>0</v>
      </c>
      <c r="O35" s="10">
        <v>0</v>
      </c>
      <c r="P35" s="10">
        <v>2</v>
      </c>
      <c r="Q35" s="10">
        <v>0</v>
      </c>
      <c r="R35" s="10">
        <v>0</v>
      </c>
      <c r="S35" s="10">
        <v>0</v>
      </c>
      <c r="T35" s="10">
        <v>0</v>
      </c>
      <c r="U35" s="10">
        <v>0</v>
      </c>
      <c r="V35" s="10">
        <v>0</v>
      </c>
      <c r="W35" s="10">
        <v>0</v>
      </c>
      <c r="X35" s="10">
        <v>0</v>
      </c>
      <c r="Y35" s="10">
        <v>0</v>
      </c>
      <c r="Z35" s="10">
        <v>0</v>
      </c>
      <c r="AA35" s="10">
        <v>0</v>
      </c>
      <c r="AB35" s="10">
        <v>0</v>
      </c>
      <c r="AC35" s="10">
        <v>0</v>
      </c>
      <c r="AD35" s="10">
        <v>0</v>
      </c>
      <c r="AE35" s="10">
        <v>0</v>
      </c>
      <c r="AF35" s="10">
        <v>0</v>
      </c>
      <c r="AG35" s="10">
        <v>0</v>
      </c>
      <c r="AH35" s="10">
        <v>0</v>
      </c>
      <c r="AI35" s="10">
        <v>6</v>
      </c>
      <c r="AJ35" s="10">
        <v>0</v>
      </c>
      <c r="AK35" s="10">
        <v>0</v>
      </c>
      <c r="AL35" s="10">
        <v>0</v>
      </c>
      <c r="AM35" s="10">
        <v>0</v>
      </c>
      <c r="AN35" s="10">
        <v>0</v>
      </c>
      <c r="AO35" s="10">
        <v>0</v>
      </c>
      <c r="AP35" s="10">
        <v>0</v>
      </c>
      <c r="AQ35" s="10">
        <v>0</v>
      </c>
      <c r="AR35" s="10">
        <v>0</v>
      </c>
      <c r="AS35" s="10">
        <v>0</v>
      </c>
      <c r="AT35" s="10">
        <v>0</v>
      </c>
      <c r="AU35" s="10">
        <v>0</v>
      </c>
      <c r="AV35" s="10">
        <v>0</v>
      </c>
      <c r="AW35" s="10">
        <v>0</v>
      </c>
      <c r="AX35" s="10">
        <v>0</v>
      </c>
      <c r="AY35" s="10">
        <v>0</v>
      </c>
      <c r="AZ35" s="10">
        <v>0</v>
      </c>
      <c r="BA35" s="10">
        <v>0</v>
      </c>
      <c r="BB35" s="10">
        <v>0</v>
      </c>
      <c r="BC35" s="10">
        <v>0</v>
      </c>
      <c r="BD35" s="10">
        <v>0</v>
      </c>
      <c r="BE35" s="10">
        <v>0</v>
      </c>
      <c r="BF35" s="10">
        <v>0</v>
      </c>
      <c r="BG35" s="10">
        <v>0</v>
      </c>
      <c r="BH35" s="47">
        <v>8</v>
      </c>
    </row>
    <row r="36" spans="1:60" ht="10" customHeight="1">
      <c r="A36" s="206"/>
      <c r="B36" s="217" t="s">
        <v>23</v>
      </c>
      <c r="C36" s="209"/>
      <c r="D36" s="210"/>
      <c r="E36" s="10">
        <v>96</v>
      </c>
      <c r="F36" s="10">
        <v>17</v>
      </c>
      <c r="G36" s="10">
        <v>9</v>
      </c>
      <c r="H36" s="10">
        <v>21</v>
      </c>
      <c r="I36" s="10">
        <v>3</v>
      </c>
      <c r="J36" s="10">
        <v>18</v>
      </c>
      <c r="K36" s="10">
        <v>4</v>
      </c>
      <c r="L36" s="10">
        <v>4</v>
      </c>
      <c r="M36" s="10">
        <v>2</v>
      </c>
      <c r="N36" s="10">
        <v>9</v>
      </c>
      <c r="O36" s="10">
        <v>7</v>
      </c>
      <c r="P36" s="10">
        <v>8</v>
      </c>
      <c r="Q36" s="10">
        <v>3</v>
      </c>
      <c r="R36" s="10">
        <v>2</v>
      </c>
      <c r="S36" s="10">
        <v>10</v>
      </c>
      <c r="T36" s="10">
        <v>5</v>
      </c>
      <c r="U36" s="10">
        <v>10</v>
      </c>
      <c r="V36" s="10">
        <v>4</v>
      </c>
      <c r="W36" s="10">
        <v>5</v>
      </c>
      <c r="X36" s="10">
        <v>9</v>
      </c>
      <c r="Y36" s="10">
        <v>6</v>
      </c>
      <c r="Z36" s="10">
        <v>0</v>
      </c>
      <c r="AA36" s="10">
        <v>3</v>
      </c>
      <c r="AB36" s="10">
        <v>10</v>
      </c>
      <c r="AC36" s="10">
        <v>6</v>
      </c>
      <c r="AD36" s="10">
        <v>8</v>
      </c>
      <c r="AE36" s="10">
        <v>3</v>
      </c>
      <c r="AF36" s="10">
        <v>6</v>
      </c>
      <c r="AG36" s="10">
        <v>5</v>
      </c>
      <c r="AH36" s="10">
        <v>2</v>
      </c>
      <c r="AI36" s="10">
        <v>4</v>
      </c>
      <c r="AJ36" s="10">
        <v>9</v>
      </c>
      <c r="AK36" s="10">
        <v>1</v>
      </c>
      <c r="AL36" s="10">
        <v>2</v>
      </c>
      <c r="AM36" s="10">
        <v>0</v>
      </c>
      <c r="AN36" s="10">
        <v>1</v>
      </c>
      <c r="AO36" s="10">
        <v>2</v>
      </c>
      <c r="AP36" s="10">
        <v>0</v>
      </c>
      <c r="AQ36" s="10">
        <v>0</v>
      </c>
      <c r="AR36" s="10">
        <v>2</v>
      </c>
      <c r="AS36" s="10">
        <v>1</v>
      </c>
      <c r="AT36" s="10">
        <v>2</v>
      </c>
      <c r="AU36" s="10">
        <v>1</v>
      </c>
      <c r="AV36" s="10">
        <v>2</v>
      </c>
      <c r="AW36" s="10">
        <v>0</v>
      </c>
      <c r="AX36" s="10">
        <v>0</v>
      </c>
      <c r="AY36" s="10">
        <v>0</v>
      </c>
      <c r="AZ36" s="10">
        <v>2</v>
      </c>
      <c r="BA36" s="10">
        <v>2</v>
      </c>
      <c r="BB36" s="10">
        <v>0</v>
      </c>
      <c r="BC36" s="10">
        <v>3</v>
      </c>
      <c r="BD36" s="10">
        <v>11</v>
      </c>
      <c r="BE36" s="10">
        <v>5</v>
      </c>
      <c r="BF36" s="10">
        <v>9</v>
      </c>
      <c r="BG36" s="10">
        <v>15</v>
      </c>
      <c r="BH36" s="47">
        <v>369</v>
      </c>
    </row>
    <row r="37" spans="1:60" ht="10" customHeight="1">
      <c r="A37" s="206"/>
      <c r="B37" s="222" t="s">
        <v>24</v>
      </c>
      <c r="C37" s="219"/>
      <c r="D37" s="220"/>
      <c r="E37" s="10">
        <v>404</v>
      </c>
      <c r="F37" s="10">
        <v>74</v>
      </c>
      <c r="G37" s="10">
        <v>34</v>
      </c>
      <c r="H37" s="10">
        <v>105</v>
      </c>
      <c r="I37" s="10">
        <v>13</v>
      </c>
      <c r="J37" s="10">
        <v>76</v>
      </c>
      <c r="K37" s="10">
        <v>21</v>
      </c>
      <c r="L37" s="10">
        <v>13</v>
      </c>
      <c r="M37" s="10">
        <v>19</v>
      </c>
      <c r="N37" s="10">
        <v>24</v>
      </c>
      <c r="O37" s="10">
        <v>34</v>
      </c>
      <c r="P37" s="10">
        <v>26</v>
      </c>
      <c r="Q37" s="10">
        <v>11</v>
      </c>
      <c r="R37" s="10">
        <v>20</v>
      </c>
      <c r="S37" s="10">
        <v>27</v>
      </c>
      <c r="T37" s="10">
        <v>49</v>
      </c>
      <c r="U37" s="10">
        <v>69</v>
      </c>
      <c r="V37" s="10">
        <v>14</v>
      </c>
      <c r="W37" s="10">
        <v>24</v>
      </c>
      <c r="X37" s="10">
        <v>29</v>
      </c>
      <c r="Y37" s="10">
        <v>27</v>
      </c>
      <c r="Z37" s="10">
        <v>12</v>
      </c>
      <c r="AA37" s="10">
        <v>18</v>
      </c>
      <c r="AB37" s="10">
        <v>31</v>
      </c>
      <c r="AC37" s="10">
        <v>30</v>
      </c>
      <c r="AD37" s="10">
        <v>28</v>
      </c>
      <c r="AE37" s="10">
        <v>15</v>
      </c>
      <c r="AF37" s="10">
        <v>30</v>
      </c>
      <c r="AG37" s="10">
        <v>12</v>
      </c>
      <c r="AH37" s="10">
        <v>13</v>
      </c>
      <c r="AI37" s="10">
        <v>17</v>
      </c>
      <c r="AJ37" s="10">
        <v>13</v>
      </c>
      <c r="AK37" s="10">
        <v>12</v>
      </c>
      <c r="AL37" s="10">
        <v>10</v>
      </c>
      <c r="AM37" s="10">
        <v>9</v>
      </c>
      <c r="AN37" s="10">
        <v>8</v>
      </c>
      <c r="AO37" s="10">
        <v>12</v>
      </c>
      <c r="AP37" s="10">
        <v>8</v>
      </c>
      <c r="AQ37" s="10">
        <v>5</v>
      </c>
      <c r="AR37" s="10">
        <v>8</v>
      </c>
      <c r="AS37" s="10">
        <v>13</v>
      </c>
      <c r="AT37" s="10">
        <v>6</v>
      </c>
      <c r="AU37" s="10">
        <v>7</v>
      </c>
      <c r="AV37" s="10">
        <v>7</v>
      </c>
      <c r="AW37" s="10">
        <v>6</v>
      </c>
      <c r="AX37" s="10">
        <v>5</v>
      </c>
      <c r="AY37" s="10">
        <v>5</v>
      </c>
      <c r="AZ37" s="10">
        <v>8</v>
      </c>
      <c r="BA37" s="10">
        <v>14</v>
      </c>
      <c r="BB37" s="10">
        <v>5</v>
      </c>
      <c r="BC37" s="10">
        <v>11</v>
      </c>
      <c r="BD37" s="10">
        <v>107</v>
      </c>
      <c r="BE37" s="10">
        <v>44</v>
      </c>
      <c r="BF37" s="10">
        <v>52</v>
      </c>
      <c r="BG37" s="10">
        <v>45</v>
      </c>
      <c r="BH37" s="47">
        <v>1739</v>
      </c>
    </row>
    <row r="38" spans="1:60" ht="10" customHeight="1">
      <c r="A38" s="218" t="s">
        <v>39</v>
      </c>
      <c r="B38" s="219"/>
      <c r="C38" s="219"/>
      <c r="D38" s="220"/>
      <c r="E38" s="10">
        <v>1027543</v>
      </c>
      <c r="F38" s="10">
        <v>449170</v>
      </c>
      <c r="G38" s="10">
        <v>138248</v>
      </c>
      <c r="H38" s="10">
        <v>583396</v>
      </c>
      <c r="I38" s="10">
        <v>0</v>
      </c>
      <c r="J38" s="10">
        <v>410881</v>
      </c>
      <c r="K38" s="10">
        <v>57970</v>
      </c>
      <c r="L38" s="10">
        <v>185790</v>
      </c>
      <c r="M38" s="10">
        <v>47478</v>
      </c>
      <c r="N38" s="10">
        <v>70296</v>
      </c>
      <c r="O38" s="10">
        <v>0</v>
      </c>
      <c r="P38" s="10">
        <v>200332</v>
      </c>
      <c r="Q38" s="10">
        <v>59510</v>
      </c>
      <c r="R38" s="10">
        <v>147653</v>
      </c>
      <c r="S38" s="10">
        <v>103180</v>
      </c>
      <c r="T38" s="10">
        <v>119081</v>
      </c>
      <c r="U38" s="10">
        <v>285170</v>
      </c>
      <c r="V38" s="10">
        <v>125334</v>
      </c>
      <c r="W38" s="10">
        <v>161326</v>
      </c>
      <c r="X38" s="10">
        <v>114134</v>
      </c>
      <c r="Y38" s="10">
        <v>269940</v>
      </c>
      <c r="Z38" s="10">
        <v>153317</v>
      </c>
      <c r="AA38" s="10">
        <v>122760</v>
      </c>
      <c r="AB38" s="10">
        <v>183205</v>
      </c>
      <c r="AC38" s="10">
        <v>225390</v>
      </c>
      <c r="AD38" s="10">
        <v>126775</v>
      </c>
      <c r="AE38" s="10">
        <v>200756</v>
      </c>
      <c r="AF38" s="10">
        <v>195030</v>
      </c>
      <c r="AG38" s="10">
        <v>95317</v>
      </c>
      <c r="AH38" s="10">
        <v>67870</v>
      </c>
      <c r="AI38" s="10">
        <v>59940</v>
      </c>
      <c r="AJ38" s="10">
        <v>110980</v>
      </c>
      <c r="AK38" s="10">
        <v>132295</v>
      </c>
      <c r="AL38" s="10">
        <v>112279</v>
      </c>
      <c r="AM38" s="10">
        <v>34408</v>
      </c>
      <c r="AN38" s="10">
        <v>83820</v>
      </c>
      <c r="AO38" s="10">
        <v>24530</v>
      </c>
      <c r="AP38" s="10">
        <v>3181</v>
      </c>
      <c r="AQ38" s="10">
        <v>10064</v>
      </c>
      <c r="AR38" s="10">
        <v>70304</v>
      </c>
      <c r="AS38" s="10">
        <v>7778</v>
      </c>
      <c r="AT38" s="10">
        <v>17650</v>
      </c>
      <c r="AU38" s="10">
        <v>8085</v>
      </c>
      <c r="AV38" s="10">
        <v>4200</v>
      </c>
      <c r="AW38" s="10">
        <v>2530</v>
      </c>
      <c r="AX38" s="10">
        <v>6006</v>
      </c>
      <c r="AY38" s="10">
        <v>5874</v>
      </c>
      <c r="AZ38" s="10">
        <v>22990</v>
      </c>
      <c r="BA38" s="10">
        <v>26</v>
      </c>
      <c r="BB38" s="10">
        <v>81532</v>
      </c>
      <c r="BC38" s="10">
        <v>64328</v>
      </c>
      <c r="BD38" s="10">
        <v>434929</v>
      </c>
      <c r="BE38" s="10">
        <v>121011</v>
      </c>
      <c r="BF38" s="10">
        <v>147659</v>
      </c>
      <c r="BG38" s="10">
        <v>15971</v>
      </c>
      <c r="BH38" s="47">
        <v>7509222</v>
      </c>
    </row>
    <row r="39" spans="1:60" ht="10" customHeight="1">
      <c r="A39" s="196" t="s">
        <v>565</v>
      </c>
      <c r="B39" s="197"/>
      <c r="C39" s="198"/>
      <c r="D39" s="60" t="s">
        <v>234</v>
      </c>
      <c r="E39" s="36">
        <v>115.9042221011604</v>
      </c>
      <c r="F39" s="36">
        <v>107.81948396403764</v>
      </c>
      <c r="G39" s="36">
        <v>114.65469117079752</v>
      </c>
      <c r="H39" s="36">
        <v>116.83631665577691</v>
      </c>
      <c r="I39" s="36">
        <v>110.28962021614903</v>
      </c>
      <c r="J39" s="36">
        <v>104.24806831601887</v>
      </c>
      <c r="K39" s="36">
        <v>98.198135462413731</v>
      </c>
      <c r="L39" s="36">
        <v>110.08568058831692</v>
      </c>
      <c r="M39" s="36">
        <v>98.549346741841049</v>
      </c>
      <c r="N39" s="36">
        <v>99.503213443267683</v>
      </c>
      <c r="O39" s="36">
        <v>101.13202177238607</v>
      </c>
      <c r="P39" s="36">
        <v>108.06978611373721</v>
      </c>
      <c r="Q39" s="36">
        <v>109.46069698593163</v>
      </c>
      <c r="R39" s="36">
        <v>104.07210893051204</v>
      </c>
      <c r="S39" s="36">
        <v>103.32413852076057</v>
      </c>
      <c r="T39" s="36">
        <v>108.38607031680445</v>
      </c>
      <c r="U39" s="36">
        <v>102.26086320944341</v>
      </c>
      <c r="V39" s="36">
        <v>107.78615491163035</v>
      </c>
      <c r="W39" s="36">
        <v>105.89218049536555</v>
      </c>
      <c r="X39" s="36">
        <v>108.43529807188202</v>
      </c>
      <c r="Y39" s="36">
        <v>120.1564294464436</v>
      </c>
      <c r="Z39" s="36">
        <v>103.85007102879189</v>
      </c>
      <c r="AA39" s="36">
        <v>106.55441885774705</v>
      </c>
      <c r="AB39" s="36">
        <v>102.85009014668273</v>
      </c>
      <c r="AC39" s="36">
        <v>114.74170672160957</v>
      </c>
      <c r="AD39" s="36">
        <v>114.37259083127043</v>
      </c>
      <c r="AE39" s="36">
        <v>115.9909832602841</v>
      </c>
      <c r="AF39" s="36">
        <v>113.97153709984484</v>
      </c>
      <c r="AG39" s="36">
        <v>106.00519296834648</v>
      </c>
      <c r="AH39" s="36">
        <v>101.35086114122878</v>
      </c>
      <c r="AI39" s="36">
        <v>98.660224270404143</v>
      </c>
      <c r="AJ39" s="36">
        <v>109.81384596323662</v>
      </c>
      <c r="AK39" s="36">
        <v>119.2558375033272</v>
      </c>
      <c r="AL39" s="36">
        <v>118.48015380600631</v>
      </c>
      <c r="AM39" s="36">
        <v>107.70465970561034</v>
      </c>
      <c r="AN39" s="36">
        <v>100.01441532348888</v>
      </c>
      <c r="AO39" s="36">
        <v>118.00612334420535</v>
      </c>
      <c r="AP39" s="36">
        <v>107.46150002271384</v>
      </c>
      <c r="AQ39" s="36">
        <v>100.57548508681413</v>
      </c>
      <c r="AR39" s="36">
        <v>112.91771633229126</v>
      </c>
      <c r="AS39" s="36">
        <v>106.02262478136559</v>
      </c>
      <c r="AT39" s="36">
        <v>96.225260495091248</v>
      </c>
      <c r="AU39" s="36">
        <v>110.10399073019363</v>
      </c>
      <c r="AV39" s="36">
        <v>93.144550718682709</v>
      </c>
      <c r="AW39" s="36">
        <v>117.3131342546578</v>
      </c>
      <c r="AX39" s="36">
        <v>109.91358470265375</v>
      </c>
      <c r="AY39" s="36">
        <v>103.11251627301471</v>
      </c>
      <c r="AZ39" s="36">
        <v>128.40894442193658</v>
      </c>
      <c r="BA39" s="36">
        <v>107.55767252779546</v>
      </c>
      <c r="BB39" s="36">
        <v>111.5484187738523</v>
      </c>
      <c r="BC39" s="36">
        <v>98.64226439279102</v>
      </c>
      <c r="BD39" s="36">
        <v>113.87831546570079</v>
      </c>
      <c r="BE39" s="36">
        <v>105.67574173654721</v>
      </c>
      <c r="BF39" s="36">
        <v>102.08782726844119</v>
      </c>
      <c r="BG39" s="36">
        <v>99.062411832266477</v>
      </c>
      <c r="BH39" s="36">
        <v>109.87834669808618</v>
      </c>
    </row>
    <row r="40" spans="1:60" ht="10" customHeight="1">
      <c r="A40" s="196"/>
      <c r="B40" s="197"/>
      <c r="C40" s="198"/>
      <c r="D40" s="59" t="s">
        <v>235</v>
      </c>
      <c r="E40" s="36">
        <v>115.86120587162448</v>
      </c>
      <c r="F40" s="36">
        <v>107.84632639201506</v>
      </c>
      <c r="G40" s="36">
        <v>114.65469117079752</v>
      </c>
      <c r="H40" s="36">
        <v>116.69780717215959</v>
      </c>
      <c r="I40" s="36">
        <v>110.31529982861072</v>
      </c>
      <c r="J40" s="36">
        <v>103.78224473542816</v>
      </c>
      <c r="K40" s="36">
        <v>98.148864452671717</v>
      </c>
      <c r="L40" s="36">
        <v>110.08568058831692</v>
      </c>
      <c r="M40" s="36">
        <v>98.586959542870161</v>
      </c>
      <c r="N40" s="36">
        <v>99.503213443267683</v>
      </c>
      <c r="O40" s="36">
        <v>100.32051187646474</v>
      </c>
      <c r="P40" s="36">
        <v>108.0529866908811</v>
      </c>
      <c r="Q40" s="36">
        <v>109.48586442381325</v>
      </c>
      <c r="R40" s="36">
        <v>104.07210893051204</v>
      </c>
      <c r="S40" s="36">
        <v>103.35274236829565</v>
      </c>
      <c r="T40" s="36">
        <v>108.28217257067622</v>
      </c>
      <c r="U40" s="36">
        <v>102.27660352704918</v>
      </c>
      <c r="V40" s="36">
        <v>107.78283844507158</v>
      </c>
      <c r="W40" s="36">
        <v>105.85207003936156</v>
      </c>
      <c r="X40" s="36">
        <v>108.40841011748591</v>
      </c>
      <c r="Y40" s="36">
        <v>123.777594036081</v>
      </c>
      <c r="Z40" s="36">
        <v>103.83470086398955</v>
      </c>
      <c r="AA40" s="36">
        <v>106.55081147342152</v>
      </c>
      <c r="AB40" s="36">
        <v>102.82840409381065</v>
      </c>
      <c r="AC40" s="36">
        <v>114.76519911685834</v>
      </c>
      <c r="AD40" s="36">
        <v>114.39961954199585</v>
      </c>
      <c r="AE40" s="36">
        <v>115.96884443543578</v>
      </c>
      <c r="AF40" s="36">
        <v>113.98345622929588</v>
      </c>
      <c r="AG40" s="36">
        <v>106.00519296834648</v>
      </c>
      <c r="AH40" s="36">
        <v>101.40011008930139</v>
      </c>
      <c r="AI40" s="36">
        <v>98.662763866493336</v>
      </c>
      <c r="AJ40" s="36">
        <v>110.03439655075114</v>
      </c>
      <c r="AK40" s="36">
        <v>118.78452894851075</v>
      </c>
      <c r="AL40" s="36">
        <v>118.48015380600631</v>
      </c>
      <c r="AM40" s="36">
        <v>107.71311857425268</v>
      </c>
      <c r="AN40" s="36">
        <v>100.01634626275523</v>
      </c>
      <c r="AO40" s="36">
        <v>118.06055413165591</v>
      </c>
      <c r="AP40" s="36">
        <v>107.47533336867055</v>
      </c>
      <c r="AQ40" s="36">
        <v>100.57548508681413</v>
      </c>
      <c r="AR40" s="36">
        <v>112.92826271216123</v>
      </c>
      <c r="AS40" s="36">
        <v>104.9886985638595</v>
      </c>
      <c r="AT40" s="36">
        <v>96.286956857148368</v>
      </c>
      <c r="AU40" s="36">
        <v>110.07420427615644</v>
      </c>
      <c r="AV40" s="36">
        <v>93.144550718682709</v>
      </c>
      <c r="AW40" s="36">
        <v>117.33987652366629</v>
      </c>
      <c r="AX40" s="36">
        <v>109.96787632897637</v>
      </c>
      <c r="AY40" s="36">
        <v>103.14167292967326</v>
      </c>
      <c r="AZ40" s="36">
        <v>128.40894442193658</v>
      </c>
      <c r="BA40" s="36">
        <v>107.50115414617063</v>
      </c>
      <c r="BB40" s="36">
        <v>111.54888556288176</v>
      </c>
      <c r="BC40" s="36">
        <v>98.65177795526354</v>
      </c>
      <c r="BD40" s="36">
        <v>113.77344457109027</v>
      </c>
      <c r="BE40" s="36">
        <v>105.67574173654721</v>
      </c>
      <c r="BF40" s="36">
        <v>101.75972638786948</v>
      </c>
      <c r="BG40" s="36">
        <v>99.052116809286645</v>
      </c>
      <c r="BH40" s="36">
        <v>109.84099061275872</v>
      </c>
    </row>
    <row r="41" spans="1:60" ht="10" customHeight="1">
      <c r="A41" s="196"/>
      <c r="B41" s="197"/>
      <c r="C41" s="198"/>
      <c r="D41" s="59" t="s">
        <v>236</v>
      </c>
      <c r="E41" s="36">
        <v>0</v>
      </c>
      <c r="F41" s="36">
        <v>0</v>
      </c>
      <c r="G41" s="36">
        <v>0</v>
      </c>
      <c r="H41" s="36">
        <v>0</v>
      </c>
      <c r="I41" s="36">
        <v>0</v>
      </c>
      <c r="J41" s="36">
        <v>0</v>
      </c>
      <c r="K41" s="36">
        <v>0</v>
      </c>
      <c r="L41" s="36">
        <v>0</v>
      </c>
      <c r="M41" s="36">
        <v>0</v>
      </c>
      <c r="N41" s="36">
        <v>0</v>
      </c>
      <c r="O41" s="36">
        <v>0</v>
      </c>
      <c r="P41" s="36">
        <v>0</v>
      </c>
      <c r="Q41" s="36">
        <v>0</v>
      </c>
      <c r="R41" s="36">
        <v>0</v>
      </c>
      <c r="S41" s="36">
        <v>0</v>
      </c>
      <c r="T41" s="36">
        <v>0</v>
      </c>
      <c r="U41" s="36">
        <v>0</v>
      </c>
      <c r="V41" s="36">
        <v>0</v>
      </c>
      <c r="W41" s="36">
        <v>0</v>
      </c>
      <c r="X41" s="36">
        <v>0</v>
      </c>
      <c r="Y41" s="36">
        <v>0</v>
      </c>
      <c r="Z41" s="36">
        <v>0</v>
      </c>
      <c r="AA41" s="36">
        <v>0</v>
      </c>
      <c r="AB41" s="36">
        <v>0</v>
      </c>
      <c r="AC41" s="36">
        <v>0</v>
      </c>
      <c r="AD41" s="36">
        <v>0</v>
      </c>
      <c r="AE41" s="36">
        <v>0</v>
      </c>
      <c r="AF41" s="36">
        <v>0</v>
      </c>
      <c r="AG41" s="36">
        <v>0</v>
      </c>
      <c r="AH41" s="36">
        <v>0</v>
      </c>
      <c r="AI41" s="36">
        <v>0</v>
      </c>
      <c r="AJ41" s="36">
        <v>0</v>
      </c>
      <c r="AK41" s="36">
        <v>0</v>
      </c>
      <c r="AL41" s="36">
        <v>0</v>
      </c>
      <c r="AM41" s="36">
        <v>0</v>
      </c>
      <c r="AN41" s="36">
        <v>0</v>
      </c>
      <c r="AO41" s="36">
        <v>0</v>
      </c>
      <c r="AP41" s="36">
        <v>0</v>
      </c>
      <c r="AQ41" s="36">
        <v>0</v>
      </c>
      <c r="AR41" s="36">
        <v>0</v>
      </c>
      <c r="AS41" s="36">
        <v>0</v>
      </c>
      <c r="AT41" s="36">
        <v>0</v>
      </c>
      <c r="AU41" s="36">
        <v>0</v>
      </c>
      <c r="AV41" s="36">
        <v>11.767651703135575</v>
      </c>
      <c r="AW41" s="36">
        <v>0</v>
      </c>
      <c r="AX41" s="36">
        <v>0</v>
      </c>
      <c r="AY41" s="36">
        <v>0</v>
      </c>
      <c r="AZ41" s="36">
        <v>0</v>
      </c>
      <c r="BA41" s="36">
        <v>0</v>
      </c>
      <c r="BB41" s="36">
        <v>0</v>
      </c>
      <c r="BC41" s="36">
        <v>1.6523106187485177</v>
      </c>
      <c r="BD41" s="36">
        <v>0</v>
      </c>
      <c r="BE41" s="36">
        <v>0</v>
      </c>
      <c r="BF41" s="36">
        <v>0</v>
      </c>
      <c r="BG41" s="36">
        <v>0</v>
      </c>
      <c r="BH41" s="36">
        <v>2.9110796356971183E-2</v>
      </c>
    </row>
    <row r="42" spans="1:60" ht="10" customHeight="1">
      <c r="A42" s="196"/>
      <c r="B42" s="197"/>
      <c r="C42" s="198"/>
      <c r="D42" s="72" t="s">
        <v>567</v>
      </c>
      <c r="E42" s="73">
        <v>212.71</v>
      </c>
      <c r="F42" s="73">
        <v>380.21</v>
      </c>
      <c r="G42" s="73">
        <v>272.24</v>
      </c>
      <c r="H42" s="73">
        <v>245.31</v>
      </c>
      <c r="I42" s="74">
        <v>209.83</v>
      </c>
      <c r="J42" s="73">
        <v>326.94</v>
      </c>
      <c r="K42" s="73">
        <v>342.26</v>
      </c>
      <c r="L42" s="73">
        <v>318.20999999999998</v>
      </c>
      <c r="M42" s="73">
        <v>220.44</v>
      </c>
      <c r="N42" s="73">
        <v>491.31</v>
      </c>
      <c r="O42" s="73">
        <v>298.27999999999997</v>
      </c>
      <c r="P42" s="73">
        <v>615.91999999999996</v>
      </c>
      <c r="Q42" s="73">
        <v>502.86</v>
      </c>
      <c r="R42" s="73">
        <v>380.46</v>
      </c>
      <c r="S42" s="73">
        <v>149.94</v>
      </c>
      <c r="T42" s="73">
        <v>419.82</v>
      </c>
      <c r="U42" s="73">
        <v>273.31</v>
      </c>
      <c r="V42" s="73">
        <v>348.29</v>
      </c>
      <c r="W42" s="73">
        <v>261.91000000000003</v>
      </c>
      <c r="X42" s="73">
        <v>306.07</v>
      </c>
      <c r="Y42" s="73">
        <v>194.39</v>
      </c>
      <c r="Z42" s="73">
        <v>488.22</v>
      </c>
      <c r="AA42" s="73">
        <v>312.26</v>
      </c>
      <c r="AB42" s="73">
        <v>487.52</v>
      </c>
      <c r="AC42" s="73">
        <v>530.30999999999995</v>
      </c>
      <c r="AD42" s="73">
        <v>645.07000000000005</v>
      </c>
      <c r="AE42" s="73">
        <v>650.15</v>
      </c>
      <c r="AF42" s="73">
        <v>265.08999999999997</v>
      </c>
      <c r="AG42" s="73">
        <v>462.23</v>
      </c>
      <c r="AH42" s="73">
        <v>677.31</v>
      </c>
      <c r="AI42" s="73">
        <v>771.46</v>
      </c>
      <c r="AJ42" s="73">
        <v>221.23</v>
      </c>
      <c r="AK42" s="73">
        <v>228.7</v>
      </c>
      <c r="AL42" s="73">
        <v>148.55000000000001</v>
      </c>
      <c r="AM42" s="73">
        <v>697.02</v>
      </c>
      <c r="AN42" s="73">
        <v>421.35</v>
      </c>
      <c r="AO42" s="73">
        <v>370.96</v>
      </c>
      <c r="AP42" s="73">
        <v>1588.34</v>
      </c>
      <c r="AQ42" s="73">
        <v>3612.29</v>
      </c>
      <c r="AR42" s="73">
        <v>1433.11</v>
      </c>
      <c r="AS42" s="73">
        <v>966.24</v>
      </c>
      <c r="AT42" s="73">
        <v>299.29000000000002</v>
      </c>
      <c r="AU42" s="73">
        <v>545.70000000000005</v>
      </c>
      <c r="AV42" s="73">
        <v>1697.87</v>
      </c>
      <c r="AW42" s="73">
        <v>227.18</v>
      </c>
      <c r="AX42" s="73">
        <v>128.22</v>
      </c>
      <c r="AY42" s="73">
        <v>252.62</v>
      </c>
      <c r="AZ42" s="73">
        <v>285.32</v>
      </c>
      <c r="BA42" s="73">
        <v>219.95</v>
      </c>
      <c r="BB42" s="73">
        <v>196.17</v>
      </c>
      <c r="BC42" s="73">
        <v>186.99</v>
      </c>
      <c r="BD42" s="73">
        <v>338.12</v>
      </c>
      <c r="BE42" s="73">
        <v>408.02</v>
      </c>
      <c r="BF42" s="73">
        <v>956.8</v>
      </c>
      <c r="BG42" s="73">
        <v>550.37</v>
      </c>
      <c r="BH42" s="73">
        <v>313.22000000000003</v>
      </c>
    </row>
    <row r="43" spans="1:60" ht="10" customHeight="1">
      <c r="A43" s="196"/>
      <c r="B43" s="197"/>
      <c r="C43" s="198"/>
      <c r="D43" s="71" t="s">
        <v>582</v>
      </c>
      <c r="E43" s="73">
        <v>173.87</v>
      </c>
      <c r="F43" s="73">
        <v>139.63999999999999</v>
      </c>
      <c r="G43" s="73">
        <v>274.10000000000002</v>
      </c>
      <c r="H43" s="73">
        <v>248.65</v>
      </c>
      <c r="I43" s="73">
        <v>370.82</v>
      </c>
      <c r="J43" s="73">
        <v>209.98</v>
      </c>
      <c r="K43" s="73">
        <v>263.69</v>
      </c>
      <c r="L43" s="73">
        <v>328.59</v>
      </c>
      <c r="M43" s="73">
        <v>167.45</v>
      </c>
      <c r="N43" s="73">
        <v>13.79</v>
      </c>
      <c r="O43" s="73">
        <v>173.63</v>
      </c>
      <c r="P43" s="73">
        <v>91.22</v>
      </c>
      <c r="Q43" s="73">
        <v>401.34</v>
      </c>
      <c r="R43" s="73">
        <v>96.03</v>
      </c>
      <c r="S43" s="73">
        <v>466.47</v>
      </c>
      <c r="T43" s="73">
        <v>80.36</v>
      </c>
      <c r="U43" s="73">
        <v>44.54</v>
      </c>
      <c r="V43" s="73">
        <v>186</v>
      </c>
      <c r="W43" s="73">
        <v>155.68</v>
      </c>
      <c r="X43" s="73">
        <v>114.15</v>
      </c>
      <c r="Y43" s="73">
        <v>301.87</v>
      </c>
      <c r="Z43" s="73">
        <v>220.45</v>
      </c>
      <c r="AA43" s="73">
        <v>25.66</v>
      </c>
      <c r="AB43" s="73">
        <v>153.12</v>
      </c>
      <c r="AC43" s="73">
        <v>31.24</v>
      </c>
      <c r="AD43" s="73">
        <v>182.93</v>
      </c>
      <c r="AE43" s="73">
        <v>14.07</v>
      </c>
      <c r="AF43" s="73">
        <v>190.89</v>
      </c>
      <c r="AG43" s="73">
        <v>68.13</v>
      </c>
      <c r="AH43" s="73">
        <v>133.38999999999999</v>
      </c>
      <c r="AI43" s="73">
        <v>309.98</v>
      </c>
      <c r="AJ43" s="73">
        <v>113.33</v>
      </c>
      <c r="AK43" s="73">
        <v>88.43</v>
      </c>
      <c r="AL43" s="73">
        <v>153.09</v>
      </c>
      <c r="AM43" s="73">
        <v>108.75</v>
      </c>
      <c r="AN43" s="73">
        <v>356.08</v>
      </c>
      <c r="AO43" s="73">
        <v>201.4</v>
      </c>
      <c r="AP43" s="73">
        <v>21.07</v>
      </c>
      <c r="AQ43" s="73">
        <v>162.57</v>
      </c>
      <c r="AR43" s="73">
        <v>128.25</v>
      </c>
      <c r="AS43" s="73">
        <v>37.26</v>
      </c>
      <c r="AT43" s="73">
        <v>308.89999999999998</v>
      </c>
      <c r="AU43" s="73">
        <v>168.15</v>
      </c>
      <c r="AV43" s="73">
        <v>25.28</v>
      </c>
      <c r="AW43" s="73">
        <v>249.06</v>
      </c>
      <c r="AX43" s="73">
        <v>454.52</v>
      </c>
      <c r="AY43" s="73">
        <v>80.849999999999994</v>
      </c>
      <c r="AZ43" s="73">
        <v>260.64999999999998</v>
      </c>
      <c r="BA43" s="73">
        <v>84.59</v>
      </c>
      <c r="BB43" s="73">
        <v>313.32</v>
      </c>
      <c r="BC43" s="73">
        <v>135.99</v>
      </c>
      <c r="BD43" s="73">
        <v>130.52000000000001</v>
      </c>
      <c r="BE43" s="73">
        <v>1.41</v>
      </c>
      <c r="BF43" s="73">
        <v>0</v>
      </c>
      <c r="BG43" s="73">
        <v>423.73</v>
      </c>
      <c r="BH43" s="73">
        <v>173.77</v>
      </c>
    </row>
    <row r="44" spans="1:60" ht="10" customHeight="1">
      <c r="A44" s="196"/>
      <c r="B44" s="197"/>
      <c r="C44" s="198"/>
      <c r="D44" s="67" t="s">
        <v>239</v>
      </c>
      <c r="E44" s="37">
        <v>209.77709271827456</v>
      </c>
      <c r="F44" s="37">
        <v>141.54144652987162</v>
      </c>
      <c r="G44" s="37">
        <v>183.00913792611331</v>
      </c>
      <c r="H44" s="37">
        <v>207.20558674244143</v>
      </c>
      <c r="I44" s="37">
        <v>165.1733693799421</v>
      </c>
      <c r="J44" s="37">
        <v>144.33322098673617</v>
      </c>
      <c r="K44" s="37">
        <v>160.01664106502818</v>
      </c>
      <c r="L44" s="37">
        <v>165.24156084406516</v>
      </c>
      <c r="M44" s="37">
        <v>111.00438644454977</v>
      </c>
      <c r="N44" s="37">
        <v>139.53705483401521</v>
      </c>
      <c r="O44" s="37">
        <v>153.76717239173865</v>
      </c>
      <c r="P44" s="37">
        <v>155.32148588057439</v>
      </c>
      <c r="Q44" s="37">
        <v>157.33595034282726</v>
      </c>
      <c r="R44" s="37">
        <v>149.07844377481095</v>
      </c>
      <c r="S44" s="37">
        <v>153.82686882841864</v>
      </c>
      <c r="T44" s="37">
        <v>165.00707632357231</v>
      </c>
      <c r="U44" s="37">
        <v>146.74242414827722</v>
      </c>
      <c r="V44" s="37">
        <v>149.47964410892425</v>
      </c>
      <c r="W44" s="37">
        <v>132.81527168994634</v>
      </c>
      <c r="X44" s="37">
        <v>155.10815800053822</v>
      </c>
      <c r="Y44" s="37">
        <v>123.9028515874129</v>
      </c>
      <c r="Z44" s="37">
        <v>143.28689189623222</v>
      </c>
      <c r="AA44" s="37">
        <v>121.19710377761403</v>
      </c>
      <c r="AB44" s="37">
        <v>126.01090491630796</v>
      </c>
      <c r="AC44" s="37">
        <v>194.8602610151917</v>
      </c>
      <c r="AD44" s="37">
        <v>172.76409069301201</v>
      </c>
      <c r="AE44" s="37">
        <v>135.17796089503381</v>
      </c>
      <c r="AF44" s="37">
        <v>152.26523595013671</v>
      </c>
      <c r="AG44" s="37">
        <v>177.41587531665289</v>
      </c>
      <c r="AH44" s="37">
        <v>151.34995061046192</v>
      </c>
      <c r="AI44" s="37">
        <v>135.60990932571985</v>
      </c>
      <c r="AJ44" s="37">
        <v>173.98289060994446</v>
      </c>
      <c r="AK44" s="37">
        <v>122.11867721061576</v>
      </c>
      <c r="AL44" s="37">
        <v>169.31062047963457</v>
      </c>
      <c r="AM44" s="37">
        <v>192.76756169506419</v>
      </c>
      <c r="AN44" s="37">
        <v>133.56111263388939</v>
      </c>
      <c r="AO44" s="37">
        <v>177.83585853965798</v>
      </c>
      <c r="AP44" s="37">
        <v>215.82793649768243</v>
      </c>
      <c r="AQ44" s="37">
        <v>144.08385844779275</v>
      </c>
      <c r="AR44" s="37">
        <v>168.02518031568312</v>
      </c>
      <c r="AS44" s="37">
        <v>157.0959805844609</v>
      </c>
      <c r="AT44" s="37">
        <v>139.36491055413578</v>
      </c>
      <c r="AU44" s="37">
        <v>196.5095013708289</v>
      </c>
      <c r="AV44" s="37">
        <v>144.27996961397201</v>
      </c>
      <c r="AW44" s="37">
        <v>194.04395775758258</v>
      </c>
      <c r="AX44" s="37">
        <v>130.32494885064389</v>
      </c>
      <c r="AY44" s="37">
        <v>171.94544796454255</v>
      </c>
      <c r="AZ44" s="37">
        <v>141.7019356398996</v>
      </c>
      <c r="BA44" s="37">
        <v>177.05594740043554</v>
      </c>
      <c r="BB44" s="37">
        <v>175.44999477010893</v>
      </c>
      <c r="BC44" s="37">
        <v>153.44309007440242</v>
      </c>
      <c r="BD44" s="37">
        <v>170.10204036489438</v>
      </c>
      <c r="BE44" s="37">
        <v>169.5304901726773</v>
      </c>
      <c r="BF44" s="37">
        <v>149.46010908117435</v>
      </c>
      <c r="BG44" s="37">
        <v>182.28863513503504</v>
      </c>
      <c r="BH44" s="36">
        <v>167.46336529267904</v>
      </c>
    </row>
    <row r="45" spans="1:60" ht="10" customHeight="1">
      <c r="A45" s="196"/>
      <c r="B45" s="197"/>
      <c r="C45" s="198"/>
      <c r="D45" s="67" t="s">
        <v>240</v>
      </c>
      <c r="E45" s="37">
        <v>196.63032187294561</v>
      </c>
      <c r="F45" s="37">
        <v>147.82325833410718</v>
      </c>
      <c r="G45" s="37">
        <v>164.07258870161343</v>
      </c>
      <c r="H45" s="37">
        <v>192.2898893036255</v>
      </c>
      <c r="I45" s="37">
        <v>160.01819751910324</v>
      </c>
      <c r="J45" s="37">
        <v>158.44798905957671</v>
      </c>
      <c r="K45" s="37">
        <v>177.17365022472549</v>
      </c>
      <c r="L45" s="37">
        <v>168.68594367530198</v>
      </c>
      <c r="M45" s="37">
        <v>137.1581064168459</v>
      </c>
      <c r="N45" s="37">
        <v>147.23898992815697</v>
      </c>
      <c r="O45" s="37">
        <v>161.88430746021967</v>
      </c>
      <c r="P45" s="37">
        <v>155.45982942144667</v>
      </c>
      <c r="Q45" s="37">
        <v>153.03055232393064</v>
      </c>
      <c r="R45" s="37">
        <v>169.21829241202016</v>
      </c>
      <c r="S45" s="37">
        <v>160.24218776454288</v>
      </c>
      <c r="T45" s="37">
        <v>164.19403696178597</v>
      </c>
      <c r="U45" s="37">
        <v>157.1435850339206</v>
      </c>
      <c r="V45" s="37">
        <v>160.37530331625774</v>
      </c>
      <c r="W45" s="37">
        <v>145.75498244164703</v>
      </c>
      <c r="X45" s="37">
        <v>151.2512600568337</v>
      </c>
      <c r="Y45" s="37">
        <v>132.48007053479444</v>
      </c>
      <c r="Z45" s="37">
        <v>168.9204984227041</v>
      </c>
      <c r="AA45" s="37">
        <v>135.01291217727857</v>
      </c>
      <c r="AB45" s="37">
        <v>140.50072642082259</v>
      </c>
      <c r="AC45" s="37">
        <v>185.46370168129391</v>
      </c>
      <c r="AD45" s="37">
        <v>153.15710063452039</v>
      </c>
      <c r="AE45" s="37">
        <v>135.9845418603233</v>
      </c>
      <c r="AF45" s="37">
        <v>136.34287474301453</v>
      </c>
      <c r="AG45" s="37">
        <v>184.64690662295615</v>
      </c>
      <c r="AH45" s="37">
        <v>165.1479609434395</v>
      </c>
      <c r="AI45" s="37">
        <v>150.24763984070188</v>
      </c>
      <c r="AJ45" s="37">
        <v>161.61195813980768</v>
      </c>
      <c r="AK45" s="37">
        <v>117.76967506425271</v>
      </c>
      <c r="AL45" s="37">
        <v>155.82984392843548</v>
      </c>
      <c r="AM45" s="37">
        <v>186.40620164433602</v>
      </c>
      <c r="AN45" s="37">
        <v>152.1801581281301</v>
      </c>
      <c r="AO45" s="37">
        <v>157.88180623038141</v>
      </c>
      <c r="AP45" s="37">
        <v>209.87984302072061</v>
      </c>
      <c r="AQ45" s="37">
        <v>153.24283157703084</v>
      </c>
      <c r="AR45" s="37">
        <v>153.17173641195987</v>
      </c>
      <c r="AS45" s="37">
        <v>154.52475148774894</v>
      </c>
      <c r="AT45" s="37">
        <v>150.74644041968921</v>
      </c>
      <c r="AU45" s="37">
        <v>180.38691684687322</v>
      </c>
      <c r="AV45" s="37">
        <v>167.43119585746444</v>
      </c>
      <c r="AW45" s="37">
        <v>255.10140432646909</v>
      </c>
      <c r="AX45" s="37">
        <v>162.63148393308461</v>
      </c>
      <c r="AY45" s="37">
        <v>174.48183078488552</v>
      </c>
      <c r="AZ45" s="37">
        <v>114.7153462061399</v>
      </c>
      <c r="BA45" s="37">
        <v>170.4482664153081</v>
      </c>
      <c r="BB45" s="37">
        <v>193.84546419018872</v>
      </c>
      <c r="BC45" s="37">
        <v>183.96031871669041</v>
      </c>
      <c r="BD45" s="37">
        <v>155.06388859395324</v>
      </c>
      <c r="BE45" s="37">
        <v>171.76179296536836</v>
      </c>
      <c r="BF45" s="37">
        <v>156.90420411760178</v>
      </c>
      <c r="BG45" s="37">
        <v>233.76163552751427</v>
      </c>
      <c r="BH45" s="36">
        <v>167.03196314671953</v>
      </c>
    </row>
    <row r="46" spans="1:60" ht="10" customHeight="1">
      <c r="A46" s="196"/>
      <c r="B46" s="197"/>
      <c r="C46" s="198"/>
      <c r="D46" s="67" t="s">
        <v>241</v>
      </c>
      <c r="E46" s="37">
        <v>106.6860343410432</v>
      </c>
      <c r="F46" s="37">
        <v>95.750457759470081</v>
      </c>
      <c r="G46" s="37">
        <v>111.54156789647438</v>
      </c>
      <c r="H46" s="37">
        <v>107.75688076623938</v>
      </c>
      <c r="I46" s="37">
        <v>103.22161600415691</v>
      </c>
      <c r="J46" s="37">
        <v>91.091860391151215</v>
      </c>
      <c r="K46" s="37">
        <v>90.316274943855646</v>
      </c>
      <c r="L46" s="37">
        <v>97.958109160614597</v>
      </c>
      <c r="M46" s="37">
        <v>80.931699441219536</v>
      </c>
      <c r="N46" s="37">
        <v>94.769092685368321</v>
      </c>
      <c r="O46" s="37">
        <v>94.985841928825835</v>
      </c>
      <c r="P46" s="37">
        <v>99.911010103775908</v>
      </c>
      <c r="Q46" s="37">
        <v>102.81342382518694</v>
      </c>
      <c r="R46" s="37">
        <v>88.098302878407594</v>
      </c>
      <c r="S46" s="37">
        <v>95.996485678571247</v>
      </c>
      <c r="T46" s="37">
        <v>100.49516984710935</v>
      </c>
      <c r="U46" s="37">
        <v>93.381110095332104</v>
      </c>
      <c r="V46" s="37">
        <v>93.206148963068586</v>
      </c>
      <c r="W46" s="37">
        <v>91.122285814907841</v>
      </c>
      <c r="X46" s="37">
        <v>102.54999392550863</v>
      </c>
      <c r="Y46" s="37">
        <v>93.525653396199829</v>
      </c>
      <c r="Z46" s="37">
        <v>84.825046832192783</v>
      </c>
      <c r="AA46" s="37">
        <v>89.767046590681872</v>
      </c>
      <c r="AB46" s="37">
        <v>89.687013104035316</v>
      </c>
      <c r="AC46" s="37">
        <v>105.06652204647847</v>
      </c>
      <c r="AD46" s="37">
        <v>112.80188119079106</v>
      </c>
      <c r="AE46" s="37">
        <v>99.406858342679868</v>
      </c>
      <c r="AF46" s="37">
        <v>111.67817624289746</v>
      </c>
      <c r="AG46" s="37">
        <v>96.083860033968065</v>
      </c>
      <c r="AH46" s="37">
        <v>91.645061644022846</v>
      </c>
      <c r="AI46" s="37">
        <v>90.257597037463285</v>
      </c>
      <c r="AJ46" s="37">
        <v>107.65471355741813</v>
      </c>
      <c r="AK46" s="37">
        <v>103.6928030445786</v>
      </c>
      <c r="AL46" s="37">
        <v>108.650959412749</v>
      </c>
      <c r="AM46" s="37">
        <v>103.41263326789185</v>
      </c>
      <c r="AN46" s="37">
        <v>87.765129355060751</v>
      </c>
      <c r="AO46" s="37">
        <v>112.63860148658267</v>
      </c>
      <c r="AP46" s="37">
        <v>102.83404703917878</v>
      </c>
      <c r="AQ46" s="37">
        <v>94.023228992193268</v>
      </c>
      <c r="AR46" s="37">
        <v>109.6972484948362</v>
      </c>
      <c r="AS46" s="37">
        <v>101.66395937994169</v>
      </c>
      <c r="AT46" s="37">
        <v>92.449884830536348</v>
      </c>
      <c r="AU46" s="37">
        <v>108.93777930560331</v>
      </c>
      <c r="AV46" s="37">
        <v>86.172692535027181</v>
      </c>
      <c r="AW46" s="37">
        <v>76.065421227259293</v>
      </c>
      <c r="AX46" s="37">
        <v>80.135128634912178</v>
      </c>
      <c r="AY46" s="37">
        <v>98.546334131792776</v>
      </c>
      <c r="AZ46" s="37">
        <v>123.52482935043901</v>
      </c>
      <c r="BA46" s="37">
        <v>103.87664898217703</v>
      </c>
      <c r="BB46" s="37">
        <v>90.510239949679018</v>
      </c>
      <c r="BC46" s="37">
        <v>83.410972075295049</v>
      </c>
      <c r="BD46" s="37">
        <v>109.69803602070091</v>
      </c>
      <c r="BE46" s="37">
        <v>98.700931822980593</v>
      </c>
      <c r="BF46" s="37">
        <v>95.255643353668219</v>
      </c>
      <c r="BG46" s="37">
        <v>77.980561148828571</v>
      </c>
      <c r="BH46" s="36">
        <v>100.25827520543513</v>
      </c>
    </row>
    <row r="47" spans="1:60" ht="10" customHeight="1">
      <c r="A47" s="196"/>
      <c r="B47" s="197"/>
      <c r="C47" s="198"/>
      <c r="D47" s="18" t="s">
        <v>568</v>
      </c>
      <c r="E47" s="73">
        <v>69.213200000000001</v>
      </c>
      <c r="F47" s="73">
        <v>63.768300000000004</v>
      </c>
      <c r="G47" s="73">
        <v>86.687399999999997</v>
      </c>
      <c r="H47" s="73">
        <v>83.915099999999995</v>
      </c>
      <c r="I47" s="73">
        <v>51.857599999999998</v>
      </c>
      <c r="J47" s="73">
        <v>80.357600000000005</v>
      </c>
      <c r="K47" s="73">
        <v>51.562600000000003</v>
      </c>
      <c r="L47" s="73">
        <v>49.895600000000002</v>
      </c>
      <c r="M47" s="73">
        <v>58.646000000000001</v>
      </c>
      <c r="N47" s="73">
        <v>64.9285</v>
      </c>
      <c r="O47" s="73">
        <v>65.599299999999999</v>
      </c>
      <c r="P47" s="73">
        <v>85.404899999999998</v>
      </c>
      <c r="Q47" s="73">
        <v>62.704000000000001</v>
      </c>
      <c r="R47" s="73">
        <v>55.766399999999997</v>
      </c>
      <c r="S47" s="73">
        <v>78.199100000000001</v>
      </c>
      <c r="T47" s="73">
        <v>61.961300000000001</v>
      </c>
      <c r="U47" s="73">
        <v>65.923500000000004</v>
      </c>
      <c r="V47" s="73">
        <v>56.078600000000002</v>
      </c>
      <c r="W47" s="73">
        <v>68.538899999999998</v>
      </c>
      <c r="X47" s="73">
        <v>79.523300000000006</v>
      </c>
      <c r="Y47" s="73">
        <v>84.534599999999998</v>
      </c>
      <c r="Z47" s="73">
        <v>64.783600000000007</v>
      </c>
      <c r="AA47" s="73">
        <v>71.364500000000007</v>
      </c>
      <c r="AB47" s="73">
        <v>87.487200000000001</v>
      </c>
      <c r="AC47" s="73">
        <v>72.799300000000002</v>
      </c>
      <c r="AD47" s="73">
        <v>75.2684</v>
      </c>
      <c r="AE47" s="73">
        <v>70.212400000000002</v>
      </c>
      <c r="AF47" s="73">
        <v>66.8292</v>
      </c>
      <c r="AG47" s="73">
        <v>59.110199999999999</v>
      </c>
      <c r="AH47" s="73">
        <v>54.957500000000003</v>
      </c>
      <c r="AI47" s="73">
        <v>80.697999999999993</v>
      </c>
      <c r="AJ47" s="73">
        <v>58.025100000000002</v>
      </c>
      <c r="AK47" s="73">
        <v>60.305500000000002</v>
      </c>
      <c r="AL47" s="73">
        <v>75.046099999999996</v>
      </c>
      <c r="AM47" s="73">
        <v>73.404399999999995</v>
      </c>
      <c r="AN47" s="73">
        <v>55.147799999999997</v>
      </c>
      <c r="AO47" s="73">
        <v>49.2164</v>
      </c>
      <c r="AP47" s="73">
        <v>61.305799999999998</v>
      </c>
      <c r="AQ47" s="73">
        <v>73.602000000000004</v>
      </c>
      <c r="AR47" s="73">
        <v>73.966499999999996</v>
      </c>
      <c r="AS47" s="73">
        <v>55.811700000000002</v>
      </c>
      <c r="AT47" s="73">
        <v>61.9358</v>
      </c>
      <c r="AU47" s="73">
        <v>63.89</v>
      </c>
      <c r="AV47" s="73">
        <v>77.872100000000003</v>
      </c>
      <c r="AW47" s="73">
        <v>73.526399999999995</v>
      </c>
      <c r="AX47" s="73">
        <v>57.4878</v>
      </c>
      <c r="AY47" s="73">
        <v>51.403399999999998</v>
      </c>
      <c r="AZ47" s="73">
        <v>57.422199999999997</v>
      </c>
      <c r="BA47" s="73">
        <v>64.806799999999996</v>
      </c>
      <c r="BB47" s="73">
        <v>73.165899999999993</v>
      </c>
      <c r="BC47" s="73">
        <v>64.139099999999999</v>
      </c>
      <c r="BD47" s="73">
        <v>65.104799999999997</v>
      </c>
      <c r="BE47" s="73">
        <v>86.2196</v>
      </c>
      <c r="BF47" s="73">
        <v>77.832999999999998</v>
      </c>
      <c r="BG47" s="73">
        <v>52.328600000000002</v>
      </c>
      <c r="BH47" s="73">
        <v>68.643299999999996</v>
      </c>
    </row>
    <row r="48" spans="1:60" ht="10" customHeight="1">
      <c r="A48" s="196"/>
      <c r="B48" s="197"/>
      <c r="C48" s="198"/>
      <c r="D48" s="67" t="s">
        <v>238</v>
      </c>
      <c r="E48" s="37">
        <v>94.745696775620516</v>
      </c>
      <c r="F48" s="37">
        <v>94.768678580903952</v>
      </c>
      <c r="G48" s="37">
        <v>85.498133723791113</v>
      </c>
      <c r="H48" s="37">
        <v>89.497264628700663</v>
      </c>
      <c r="I48" s="37">
        <v>85.435339438517872</v>
      </c>
      <c r="J48" s="37">
        <v>96.300703361283652</v>
      </c>
      <c r="K48" s="37">
        <v>83.4522924019181</v>
      </c>
      <c r="L48" s="37">
        <v>85.534432346653006</v>
      </c>
      <c r="M48" s="37">
        <v>88.912056480908802</v>
      </c>
      <c r="N48" s="37">
        <v>89.867768121387144</v>
      </c>
      <c r="O48" s="37">
        <v>89.917431959699726</v>
      </c>
      <c r="P48" s="37">
        <v>91.59948531383921</v>
      </c>
      <c r="Q48" s="37">
        <v>85.736845587565213</v>
      </c>
      <c r="R48" s="37">
        <v>91.537454965408145</v>
      </c>
      <c r="S48" s="37">
        <v>81.616700176077202</v>
      </c>
      <c r="T48" s="37">
        <v>92.715362092727389</v>
      </c>
      <c r="U48" s="37">
        <v>95.18469391698099</v>
      </c>
      <c r="V48" s="37">
        <v>95.874848297245634</v>
      </c>
      <c r="W48" s="37">
        <v>93.7401084917541</v>
      </c>
      <c r="X48" s="37">
        <v>94.837099763378916</v>
      </c>
      <c r="Y48" s="37">
        <v>93.434293546435697</v>
      </c>
      <c r="Z48" s="37">
        <v>94.637842238324879</v>
      </c>
      <c r="AA48" s="37">
        <v>99.135224782325409</v>
      </c>
      <c r="AB48" s="37">
        <v>95.529731145107903</v>
      </c>
      <c r="AC48" s="37">
        <v>93.281268211726598</v>
      </c>
      <c r="AD48" s="37">
        <v>93.304046652987552</v>
      </c>
      <c r="AE48" s="37">
        <v>96.07388489571693</v>
      </c>
      <c r="AF48" s="37">
        <v>95.59382432995352</v>
      </c>
      <c r="AG48" s="37">
        <v>82.944793548151509</v>
      </c>
      <c r="AH48" s="37">
        <v>87.360541427399497</v>
      </c>
      <c r="AI48" s="37">
        <v>88.750005175361963</v>
      </c>
      <c r="AJ48" s="37">
        <v>93.660472319008889</v>
      </c>
      <c r="AK48" s="37">
        <v>96.169993774508328</v>
      </c>
      <c r="AL48" s="37">
        <v>90.475919870089399</v>
      </c>
      <c r="AM48" s="37">
        <v>95.812278260797441</v>
      </c>
      <c r="AN48" s="37">
        <v>97.419969157205117</v>
      </c>
      <c r="AO48" s="37">
        <v>92.202049314645947</v>
      </c>
      <c r="AP48" s="37">
        <v>67.408770249085535</v>
      </c>
      <c r="AQ48" s="37">
        <v>92.11351950554058</v>
      </c>
      <c r="AR48" s="37">
        <v>91.993646203214638</v>
      </c>
      <c r="AS48" s="37">
        <v>84.470218203263229</v>
      </c>
      <c r="AT48" s="37">
        <v>91.369108049311095</v>
      </c>
      <c r="AU48" s="37">
        <v>87.778373360152955</v>
      </c>
      <c r="AV48" s="37">
        <v>88.565115145080938</v>
      </c>
      <c r="AW48" s="37">
        <v>80.244287333069167</v>
      </c>
      <c r="AX48" s="37">
        <v>93.173204153490772</v>
      </c>
      <c r="AY48" s="37">
        <v>82.100205209863532</v>
      </c>
      <c r="AZ48" s="37">
        <v>81.703414540109407</v>
      </c>
      <c r="BA48" s="37">
        <v>93.523655257918207</v>
      </c>
      <c r="BB48" s="37">
        <v>90.59858449441974</v>
      </c>
      <c r="BC48" s="37">
        <v>91.159838297233705</v>
      </c>
      <c r="BD48" s="37">
        <v>96.938403267261378</v>
      </c>
      <c r="BE48" s="37">
        <v>91.95329626771111</v>
      </c>
      <c r="BF48" s="37">
        <v>91.559602143920387</v>
      </c>
      <c r="BG48" s="37">
        <v>77.663855759484122</v>
      </c>
      <c r="BH48" s="36">
        <v>91.973393489161325</v>
      </c>
    </row>
    <row r="49" spans="1:60" ht="10" customHeight="1">
      <c r="A49" s="196" t="s">
        <v>566</v>
      </c>
      <c r="B49" s="197"/>
      <c r="C49" s="198"/>
      <c r="D49" s="71" t="s">
        <v>583</v>
      </c>
      <c r="E49" s="73">
        <v>48.46</v>
      </c>
      <c r="F49" s="73">
        <v>53.98</v>
      </c>
      <c r="G49" s="73">
        <v>52.49</v>
      </c>
      <c r="H49" s="73">
        <v>46.67</v>
      </c>
      <c r="I49" s="73">
        <v>53.3</v>
      </c>
      <c r="J49" s="73">
        <v>50.52</v>
      </c>
      <c r="K49" s="73">
        <v>56.48</v>
      </c>
      <c r="L49" s="73">
        <v>59.32</v>
      </c>
      <c r="M49" s="73">
        <v>60.14</v>
      </c>
      <c r="N49" s="73">
        <v>48.48</v>
      </c>
      <c r="O49" s="73">
        <v>55.38</v>
      </c>
      <c r="P49" s="73">
        <v>52.76</v>
      </c>
      <c r="Q49" s="73">
        <v>54.73</v>
      </c>
      <c r="R49" s="73">
        <v>53.4</v>
      </c>
      <c r="S49" s="73">
        <v>45.61</v>
      </c>
      <c r="T49" s="73">
        <v>50.53</v>
      </c>
      <c r="U49" s="73">
        <v>53.95</v>
      </c>
      <c r="V49" s="73">
        <v>46.01</v>
      </c>
      <c r="W49" s="73">
        <v>53.24</v>
      </c>
      <c r="X49" s="73">
        <v>48.95</v>
      </c>
      <c r="Y49" s="73">
        <v>43.33</v>
      </c>
      <c r="Z49" s="73">
        <v>55.48</v>
      </c>
      <c r="AA49" s="73">
        <v>51.43</v>
      </c>
      <c r="AB49" s="73">
        <v>54.75</v>
      </c>
      <c r="AC49" s="73">
        <v>54.5</v>
      </c>
      <c r="AD49" s="73">
        <v>47.33</v>
      </c>
      <c r="AE49" s="73">
        <v>57.05</v>
      </c>
      <c r="AF49" s="73">
        <v>43.43</v>
      </c>
      <c r="AG49" s="73">
        <v>59.48</v>
      </c>
      <c r="AH49" s="73">
        <v>61.58</v>
      </c>
      <c r="AI49" s="73">
        <v>53.84</v>
      </c>
      <c r="AJ49" s="73">
        <v>48.22</v>
      </c>
      <c r="AK49" s="73">
        <v>57.04</v>
      </c>
      <c r="AL49" s="73">
        <v>54.52</v>
      </c>
      <c r="AM49" s="73">
        <v>46.31</v>
      </c>
      <c r="AN49" s="73">
        <v>50.83</v>
      </c>
      <c r="AO49" s="73">
        <v>54.52</v>
      </c>
      <c r="AP49" s="73">
        <v>68.150000000000006</v>
      </c>
      <c r="AQ49" s="73">
        <v>46.66</v>
      </c>
      <c r="AR49" s="73">
        <v>54.03</v>
      </c>
      <c r="AS49" s="73">
        <v>63.67</v>
      </c>
      <c r="AT49" s="73">
        <v>56.84</v>
      </c>
      <c r="AU49" s="73">
        <v>50.05</v>
      </c>
      <c r="AV49" s="73">
        <v>58.24</v>
      </c>
      <c r="AW49" s="73">
        <v>53.8</v>
      </c>
      <c r="AX49" s="73">
        <v>58.34</v>
      </c>
      <c r="AY49" s="73">
        <v>65.3</v>
      </c>
      <c r="AZ49" s="73">
        <v>60.81</v>
      </c>
      <c r="BA49" s="73">
        <v>55.28</v>
      </c>
      <c r="BB49" s="73">
        <v>55.5</v>
      </c>
      <c r="BC49" s="73">
        <v>57.56</v>
      </c>
      <c r="BD49" s="73">
        <v>52.4</v>
      </c>
      <c r="BE49" s="73">
        <v>50.76</v>
      </c>
      <c r="BF49" s="73">
        <v>49.62</v>
      </c>
      <c r="BG49" s="73">
        <v>45</v>
      </c>
      <c r="BH49" s="73">
        <v>51.15</v>
      </c>
    </row>
    <row r="50" spans="1:60" ht="20.25" customHeight="1">
      <c r="A50" s="196"/>
      <c r="B50" s="197"/>
      <c r="C50" s="198"/>
      <c r="D50" s="72" t="s">
        <v>569</v>
      </c>
      <c r="E50" s="73">
        <v>14.13</v>
      </c>
      <c r="F50" s="73">
        <v>31</v>
      </c>
      <c r="G50" s="73">
        <v>24.66</v>
      </c>
      <c r="H50" s="73">
        <v>29.72</v>
      </c>
      <c r="I50" s="73">
        <v>22.47</v>
      </c>
      <c r="J50" s="73">
        <v>16.739999999999998</v>
      </c>
      <c r="K50" s="73">
        <v>30.69</v>
      </c>
      <c r="L50" s="73">
        <v>21.29</v>
      </c>
      <c r="M50" s="73">
        <v>44.66</v>
      </c>
      <c r="N50" s="73">
        <v>31.05</v>
      </c>
      <c r="O50" s="73">
        <v>44.33</v>
      </c>
      <c r="P50" s="73">
        <v>24.06</v>
      </c>
      <c r="Q50" s="73">
        <v>0.9</v>
      </c>
      <c r="R50" s="73">
        <v>16.37</v>
      </c>
      <c r="S50" s="73">
        <v>7.99</v>
      </c>
      <c r="T50" s="73">
        <v>19.079999999999998</v>
      </c>
      <c r="U50" s="73">
        <v>20.34</v>
      </c>
      <c r="V50" s="73">
        <v>1.21</v>
      </c>
      <c r="W50" s="73">
        <v>31.25</v>
      </c>
      <c r="X50" s="73">
        <v>23.72</v>
      </c>
      <c r="Y50" s="73">
        <v>23.03</v>
      </c>
      <c r="Z50" s="73">
        <v>21.8</v>
      </c>
      <c r="AA50" s="73">
        <v>12.31</v>
      </c>
      <c r="AB50" s="73">
        <v>21.76</v>
      </c>
      <c r="AC50" s="73">
        <v>18.14</v>
      </c>
      <c r="AD50" s="73">
        <v>28.05</v>
      </c>
      <c r="AE50" s="73">
        <v>1.8</v>
      </c>
      <c r="AF50" s="73">
        <v>20.23</v>
      </c>
      <c r="AG50" s="73">
        <v>54.83</v>
      </c>
      <c r="AH50" s="73">
        <v>17.190000000000001</v>
      </c>
      <c r="AI50" s="73">
        <v>36.29</v>
      </c>
      <c r="AJ50" s="73">
        <v>13.25</v>
      </c>
      <c r="AK50" s="73">
        <v>32.119999999999997</v>
      </c>
      <c r="AL50" s="73">
        <v>15.53</v>
      </c>
      <c r="AM50" s="73">
        <v>21.57</v>
      </c>
      <c r="AN50" s="73">
        <v>11.35</v>
      </c>
      <c r="AO50" s="73">
        <v>24.19</v>
      </c>
      <c r="AP50" s="73">
        <v>33.44</v>
      </c>
      <c r="AQ50" s="73">
        <v>37.51</v>
      </c>
      <c r="AR50" s="73">
        <v>4.24</v>
      </c>
      <c r="AS50" s="73">
        <v>28.58</v>
      </c>
      <c r="AT50" s="73">
        <v>28.88</v>
      </c>
      <c r="AU50" s="73">
        <v>19.8</v>
      </c>
      <c r="AV50" s="73">
        <v>30.79</v>
      </c>
      <c r="AW50" s="73">
        <v>33</v>
      </c>
      <c r="AX50" s="73">
        <v>50.96</v>
      </c>
      <c r="AY50" s="73">
        <v>33.07</v>
      </c>
      <c r="AZ50" s="73">
        <v>37.75</v>
      </c>
      <c r="BA50" s="73">
        <v>23.22</v>
      </c>
      <c r="BB50" s="73">
        <v>13.87</v>
      </c>
      <c r="BC50" s="73">
        <v>28.7</v>
      </c>
      <c r="BD50" s="73">
        <v>15.94</v>
      </c>
      <c r="BE50" s="73">
        <v>21.01</v>
      </c>
      <c r="BF50" s="73">
        <v>42.3</v>
      </c>
      <c r="BG50" s="73">
        <v>36.07</v>
      </c>
      <c r="BH50" s="73">
        <v>23.44</v>
      </c>
    </row>
    <row r="51" spans="1:60" ht="10" customHeight="1">
      <c r="A51" s="196"/>
      <c r="B51" s="197"/>
      <c r="C51" s="198"/>
      <c r="D51" s="72" t="s">
        <v>570</v>
      </c>
      <c r="E51" s="73">
        <v>1.1100000000000001</v>
      </c>
      <c r="F51" s="73">
        <v>0.91</v>
      </c>
      <c r="G51" s="73">
        <v>0.57999999999999996</v>
      </c>
      <c r="H51" s="73">
        <v>0.98</v>
      </c>
      <c r="I51" s="73">
        <v>0.27</v>
      </c>
      <c r="J51" s="73">
        <v>0.8</v>
      </c>
      <c r="K51" s="73">
        <v>0.37</v>
      </c>
      <c r="L51" s="73">
        <v>0.5</v>
      </c>
      <c r="M51" s="73">
        <v>0.59</v>
      </c>
      <c r="N51" s="73">
        <v>0.37</v>
      </c>
      <c r="O51" s="73">
        <v>0.47</v>
      </c>
      <c r="P51" s="73">
        <v>1.1499999999999999</v>
      </c>
      <c r="Q51" s="73">
        <v>0.04</v>
      </c>
      <c r="R51" s="73">
        <v>0.88</v>
      </c>
      <c r="S51" s="73">
        <v>0.69</v>
      </c>
      <c r="T51" s="73">
        <v>0.35</v>
      </c>
      <c r="U51" s="73">
        <v>0.69</v>
      </c>
      <c r="V51" s="73">
        <v>0.61</v>
      </c>
      <c r="W51" s="73">
        <v>0.27</v>
      </c>
      <c r="X51" s="73">
        <v>0.25</v>
      </c>
      <c r="Y51" s="73">
        <v>2.04</v>
      </c>
      <c r="Z51" s="73">
        <v>0</v>
      </c>
      <c r="AA51" s="73">
        <v>0.42</v>
      </c>
      <c r="AB51" s="73">
        <v>0.19</v>
      </c>
      <c r="AC51" s="73">
        <v>0.68</v>
      </c>
      <c r="AD51" s="73">
        <v>0.87</v>
      </c>
      <c r="AE51" s="73">
        <v>0.05</v>
      </c>
      <c r="AF51" s="73">
        <v>1.1000000000000001</v>
      </c>
      <c r="AG51" s="73">
        <v>0.36</v>
      </c>
      <c r="AH51" s="73">
        <v>0.18</v>
      </c>
      <c r="AI51" s="73">
        <v>0.47</v>
      </c>
      <c r="AJ51" s="73">
        <v>0.49</v>
      </c>
      <c r="AK51" s="73">
        <v>0.36</v>
      </c>
      <c r="AL51" s="73">
        <v>0.97</v>
      </c>
      <c r="AM51" s="73">
        <v>0.46</v>
      </c>
      <c r="AN51" s="73">
        <v>0.55000000000000004</v>
      </c>
      <c r="AO51" s="73">
        <v>0.74</v>
      </c>
      <c r="AP51" s="73">
        <v>0.48</v>
      </c>
      <c r="AQ51" s="73">
        <v>3.13</v>
      </c>
      <c r="AR51" s="73">
        <v>0.86</v>
      </c>
      <c r="AS51" s="73">
        <v>0.49</v>
      </c>
      <c r="AT51" s="73">
        <v>0.57999999999999996</v>
      </c>
      <c r="AU51" s="73">
        <v>0.44</v>
      </c>
      <c r="AV51" s="73">
        <v>0.27</v>
      </c>
      <c r="AW51" s="73">
        <v>0.8</v>
      </c>
      <c r="AX51" s="73">
        <v>0</v>
      </c>
      <c r="AY51" s="73">
        <v>0.14000000000000001</v>
      </c>
      <c r="AZ51" s="73">
        <v>0.22</v>
      </c>
      <c r="BA51" s="73">
        <v>0.77</v>
      </c>
      <c r="BB51" s="73">
        <v>0.88</v>
      </c>
      <c r="BC51" s="73">
        <v>0.74</v>
      </c>
      <c r="BD51" s="73">
        <v>0.5</v>
      </c>
      <c r="BE51" s="73">
        <v>0.5</v>
      </c>
      <c r="BF51" s="73">
        <v>0.47</v>
      </c>
      <c r="BG51" s="73">
        <v>1.52</v>
      </c>
      <c r="BH51" s="73">
        <v>0.72</v>
      </c>
    </row>
    <row r="52" spans="1:60" ht="10" customHeight="1">
      <c r="A52" s="140" t="s">
        <v>545</v>
      </c>
      <c r="B52" s="141"/>
      <c r="C52" s="139"/>
      <c r="D52" s="142"/>
      <c r="E52" s="39">
        <v>95.37</v>
      </c>
      <c r="F52" s="39">
        <v>69.099999999999994</v>
      </c>
      <c r="G52" s="39">
        <v>80.290000000000006</v>
      </c>
      <c r="H52" s="39">
        <v>84.52</v>
      </c>
      <c r="I52" s="39">
        <v>71.010000000000005</v>
      </c>
      <c r="J52" s="39">
        <v>79.819999999999993</v>
      </c>
      <c r="K52" s="39">
        <v>75.87</v>
      </c>
      <c r="L52" s="39">
        <v>82.38</v>
      </c>
      <c r="M52" s="39">
        <v>60.1</v>
      </c>
      <c r="N52" s="39">
        <v>57.36</v>
      </c>
      <c r="O52" s="39">
        <v>62.94</v>
      </c>
      <c r="P52" s="39">
        <v>79.05</v>
      </c>
      <c r="Q52" s="39">
        <v>76.430000000000007</v>
      </c>
      <c r="R52" s="39">
        <v>66.03</v>
      </c>
      <c r="S52" s="39">
        <v>94.96</v>
      </c>
      <c r="T52" s="39">
        <v>63.04</v>
      </c>
      <c r="U52" s="39">
        <v>67.900000000000006</v>
      </c>
      <c r="V52" s="39">
        <v>81.290000000000006</v>
      </c>
      <c r="W52" s="39">
        <v>68.489999999999995</v>
      </c>
      <c r="X52" s="39">
        <v>68.31</v>
      </c>
      <c r="Y52" s="39">
        <v>61.44</v>
      </c>
      <c r="Z52" s="39">
        <v>75.48</v>
      </c>
      <c r="AA52" s="39">
        <v>53.33</v>
      </c>
      <c r="AB52" s="39">
        <v>59.41</v>
      </c>
      <c r="AC52" s="39">
        <v>97.22</v>
      </c>
      <c r="AD52" s="39">
        <v>66.84</v>
      </c>
      <c r="AE52" s="39">
        <v>60</v>
      </c>
      <c r="AF52" s="39">
        <v>63.03</v>
      </c>
      <c r="AG52" s="39">
        <v>73.180000000000007</v>
      </c>
      <c r="AH52" s="39">
        <v>72.06</v>
      </c>
      <c r="AI52" s="39">
        <v>65.42</v>
      </c>
      <c r="AJ52" s="39">
        <v>77.540000000000006</v>
      </c>
      <c r="AK52" s="39">
        <v>47.87</v>
      </c>
      <c r="AL52" s="39">
        <v>62.86</v>
      </c>
      <c r="AM52" s="39">
        <v>83.42</v>
      </c>
      <c r="AN52" s="39">
        <v>67.989999999999995</v>
      </c>
      <c r="AO52" s="39">
        <v>69.14</v>
      </c>
      <c r="AP52" s="39">
        <v>69.66</v>
      </c>
      <c r="AQ52" s="39">
        <v>69.7</v>
      </c>
      <c r="AR52" s="39">
        <v>63.23</v>
      </c>
      <c r="AS52" s="39">
        <v>59.52</v>
      </c>
      <c r="AT52" s="39">
        <v>83.58</v>
      </c>
      <c r="AU52" s="39">
        <v>90.91</v>
      </c>
      <c r="AV52" s="39">
        <v>74.83</v>
      </c>
      <c r="AW52" s="39">
        <v>108.26</v>
      </c>
      <c r="AX52" s="39">
        <v>58.97</v>
      </c>
      <c r="AY52" s="39">
        <v>76.209999999999994</v>
      </c>
      <c r="AZ52" s="39">
        <v>41.28</v>
      </c>
      <c r="BA52" s="39">
        <v>72.44</v>
      </c>
      <c r="BB52" s="39">
        <v>92.85</v>
      </c>
      <c r="BC52" s="39">
        <v>91.87</v>
      </c>
      <c r="BD52" s="39">
        <v>72.06</v>
      </c>
      <c r="BE52" s="39">
        <v>72.150000000000006</v>
      </c>
      <c r="BF52" s="39">
        <v>62.04</v>
      </c>
      <c r="BG52" s="39">
        <v>120.4</v>
      </c>
      <c r="BH52" s="39">
        <v>73.39</v>
      </c>
    </row>
  </sheetData>
  <mergeCells count="37">
    <mergeCell ref="A7:A16"/>
    <mergeCell ref="A21:A29"/>
    <mergeCell ref="B21:C23"/>
    <mergeCell ref="B29:D29"/>
    <mergeCell ref="B24:C28"/>
    <mergeCell ref="B11:D11"/>
    <mergeCell ref="B13:D13"/>
    <mergeCell ref="B14:D14"/>
    <mergeCell ref="B15:D15"/>
    <mergeCell ref="B16:D16"/>
    <mergeCell ref="B12:D12"/>
    <mergeCell ref="B10:D10"/>
    <mergeCell ref="A30:A37"/>
    <mergeCell ref="B30:D30"/>
    <mergeCell ref="C31:D31"/>
    <mergeCell ref="C32:D32"/>
    <mergeCell ref="C33:D33"/>
    <mergeCell ref="C34:D34"/>
    <mergeCell ref="C35:D35"/>
    <mergeCell ref="B36:D36"/>
    <mergeCell ref="B37:D37"/>
    <mergeCell ref="A39:C48"/>
    <mergeCell ref="A49:C51"/>
    <mergeCell ref="A1:D2"/>
    <mergeCell ref="A17:A20"/>
    <mergeCell ref="B17:D17"/>
    <mergeCell ref="B18:D18"/>
    <mergeCell ref="B19:D19"/>
    <mergeCell ref="B20:D20"/>
    <mergeCell ref="A3:D3"/>
    <mergeCell ref="A4:D4"/>
    <mergeCell ref="A5:D5"/>
    <mergeCell ref="A6:D6"/>
    <mergeCell ref="B7:D7"/>
    <mergeCell ref="B8:D8"/>
    <mergeCell ref="B9:D9"/>
    <mergeCell ref="A38:D38"/>
  </mergeCells>
  <phoneticPr fontId="3"/>
  <conditionalFormatting sqref="E3:BG5 E7:BG9 E11:BG20 E24:BG38">
    <cfRule type="cellIs" dxfId="7" priority="61" stopIfTrue="1" operator="equal">
      <formula>0</formula>
    </cfRule>
  </conditionalFormatting>
  <pageMargins left="0.78740157480314965" right="0.78740157480314965" top="1.1417322834645669" bottom="0.78740157480314965" header="0.51181102362204722" footer="0.51181102362204722"/>
  <pageSetup paperSize="9" firstPageNumber="96" orientation="portrait" useFirstPageNumber="1" r:id="rId1"/>
  <headerFooter>
    <oddHeader>&amp;L&amp;"ＭＳ ゴシック,標準"Ⅳ　令和６年度地方公営企業事業別決算状況
　１　水道事業（法適用事業）&amp;R&amp;"ＭＳ ゴシック,標準"
&amp;A</oddHeader>
    <oddFooter xml:space="preserve">&amp;C&amp;"ＭＳ ゴシック,標準"&amp;9 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BO65"/>
  <sheetViews>
    <sheetView view="pageBreakPreview" zoomScaleNormal="120" zoomScaleSheetLayoutView="100" zoomScalePageLayoutView="115" workbookViewId="0">
      <selection sqref="A1:D2"/>
    </sheetView>
  </sheetViews>
  <sheetFormatPr defaultColWidth="9.58203125" defaultRowHeight="10" customHeight="1"/>
  <cols>
    <col min="1" max="3" width="1.58203125" style="18" customWidth="1"/>
    <col min="4" max="4" width="16.58203125" style="18" customWidth="1"/>
    <col min="5" max="10" width="9.58203125" style="18" hidden="1" customWidth="1"/>
    <col min="11" max="66" width="9.58203125" style="18" customWidth="1"/>
    <col min="67" max="67" width="9.58203125" style="83" customWidth="1"/>
    <col min="68" max="68" width="9.58203125" style="18" customWidth="1"/>
    <col min="69" max="69" width="10.25" style="18" bestFit="1" customWidth="1"/>
    <col min="70" max="16384" width="9.58203125" style="18"/>
  </cols>
  <sheetData>
    <row r="1" spans="1:66" ht="10" customHeight="1">
      <c r="A1" s="199" t="s">
        <v>242</v>
      </c>
      <c r="B1" s="200"/>
      <c r="C1" s="200"/>
      <c r="D1" s="201"/>
      <c r="E1" s="1"/>
      <c r="F1" s="1"/>
      <c r="G1" s="1"/>
      <c r="H1" s="1"/>
      <c r="I1" s="1"/>
      <c r="J1" s="1"/>
      <c r="K1" s="2" t="s">
        <v>41</v>
      </c>
      <c r="L1" s="2" t="s">
        <v>42</v>
      </c>
      <c r="M1" s="2" t="s">
        <v>43</v>
      </c>
      <c r="N1" s="2" t="s">
        <v>44</v>
      </c>
      <c r="O1" s="2" t="s">
        <v>45</v>
      </c>
      <c r="P1" s="2" t="s">
        <v>46</v>
      </c>
      <c r="Q1" s="2" t="s">
        <v>47</v>
      </c>
      <c r="R1" s="2" t="s">
        <v>48</v>
      </c>
      <c r="S1" s="2" t="s">
        <v>49</v>
      </c>
      <c r="T1" s="2" t="s">
        <v>50</v>
      </c>
      <c r="U1" s="2" t="s">
        <v>51</v>
      </c>
      <c r="V1" s="2" t="s">
        <v>52</v>
      </c>
      <c r="W1" s="2" t="s">
        <v>53</v>
      </c>
      <c r="X1" s="2" t="s">
        <v>54</v>
      </c>
      <c r="Y1" s="2" t="s">
        <v>55</v>
      </c>
      <c r="Z1" s="2" t="s">
        <v>56</v>
      </c>
      <c r="AA1" s="2" t="s">
        <v>57</v>
      </c>
      <c r="AB1" s="2" t="s">
        <v>58</v>
      </c>
      <c r="AC1" s="2" t="s">
        <v>59</v>
      </c>
      <c r="AD1" s="2" t="s">
        <v>60</v>
      </c>
      <c r="AE1" s="2" t="s">
        <v>61</v>
      </c>
      <c r="AF1" s="2" t="s">
        <v>62</v>
      </c>
      <c r="AG1" s="2" t="s">
        <v>63</v>
      </c>
      <c r="AH1" s="2" t="s">
        <v>64</v>
      </c>
      <c r="AI1" s="2" t="s">
        <v>65</v>
      </c>
      <c r="AJ1" s="2" t="s">
        <v>66</v>
      </c>
      <c r="AK1" s="2" t="s">
        <v>67</v>
      </c>
      <c r="AL1" s="2" t="s">
        <v>68</v>
      </c>
      <c r="AM1" s="2" t="s">
        <v>69</v>
      </c>
      <c r="AN1" s="2" t="s">
        <v>70</v>
      </c>
      <c r="AO1" s="2" t="s">
        <v>71</v>
      </c>
      <c r="AP1" s="2" t="s">
        <v>72</v>
      </c>
      <c r="AQ1" s="2" t="s">
        <v>73</v>
      </c>
      <c r="AR1" s="2" t="s">
        <v>74</v>
      </c>
      <c r="AS1" s="2" t="s">
        <v>75</v>
      </c>
      <c r="AT1" s="2" t="s">
        <v>76</v>
      </c>
      <c r="AU1" s="2" t="s">
        <v>77</v>
      </c>
      <c r="AV1" s="2" t="s">
        <v>78</v>
      </c>
      <c r="AW1" s="2" t="s">
        <v>79</v>
      </c>
      <c r="AX1" s="2" t="s">
        <v>80</v>
      </c>
      <c r="AY1" s="2" t="s">
        <v>81</v>
      </c>
      <c r="AZ1" s="2" t="s">
        <v>82</v>
      </c>
      <c r="BA1" s="2" t="s">
        <v>83</v>
      </c>
      <c r="BB1" s="2" t="s">
        <v>84</v>
      </c>
      <c r="BC1" s="2" t="s">
        <v>85</v>
      </c>
      <c r="BD1" s="2" t="s">
        <v>86</v>
      </c>
      <c r="BE1" s="2" t="s">
        <v>87</v>
      </c>
      <c r="BF1" s="2" t="s">
        <v>88</v>
      </c>
      <c r="BG1" s="2" t="s">
        <v>89</v>
      </c>
      <c r="BH1" s="2" t="s">
        <v>90</v>
      </c>
      <c r="BI1" s="2" t="s">
        <v>91</v>
      </c>
      <c r="BJ1" s="2" t="s">
        <v>546</v>
      </c>
      <c r="BK1" s="2" t="s">
        <v>548</v>
      </c>
      <c r="BL1" s="2" t="s">
        <v>549</v>
      </c>
      <c r="BM1" s="2" t="s">
        <v>561</v>
      </c>
      <c r="BN1" s="24" t="s">
        <v>24</v>
      </c>
    </row>
    <row r="2" spans="1:66" ht="10" customHeight="1">
      <c r="A2" s="202"/>
      <c r="B2" s="203"/>
      <c r="C2" s="203"/>
      <c r="D2" s="204"/>
      <c r="E2" s="3"/>
      <c r="F2" s="3"/>
      <c r="G2" s="3"/>
      <c r="H2" s="3"/>
      <c r="I2" s="3"/>
      <c r="J2" s="3"/>
      <c r="K2" s="4" t="s">
        <v>40</v>
      </c>
      <c r="L2" s="4" t="s">
        <v>40</v>
      </c>
      <c r="M2" s="4" t="s">
        <v>40</v>
      </c>
      <c r="N2" s="4" t="s">
        <v>40</v>
      </c>
      <c r="O2" s="4" t="s">
        <v>40</v>
      </c>
      <c r="P2" s="4" t="s">
        <v>40</v>
      </c>
      <c r="Q2" s="4" t="s">
        <v>40</v>
      </c>
      <c r="R2" s="4" t="s">
        <v>40</v>
      </c>
      <c r="S2" s="4" t="s">
        <v>40</v>
      </c>
      <c r="T2" s="4" t="s">
        <v>40</v>
      </c>
      <c r="U2" s="4" t="s">
        <v>40</v>
      </c>
      <c r="V2" s="4" t="s">
        <v>40</v>
      </c>
      <c r="W2" s="4" t="s">
        <v>40</v>
      </c>
      <c r="X2" s="4" t="s">
        <v>40</v>
      </c>
      <c r="Y2" s="4" t="s">
        <v>40</v>
      </c>
      <c r="Z2" s="4" t="s">
        <v>40</v>
      </c>
      <c r="AA2" s="4" t="s">
        <v>40</v>
      </c>
      <c r="AB2" s="4" t="s">
        <v>40</v>
      </c>
      <c r="AC2" s="4" t="s">
        <v>40</v>
      </c>
      <c r="AD2" s="4" t="s">
        <v>40</v>
      </c>
      <c r="AE2" s="4" t="s">
        <v>40</v>
      </c>
      <c r="AF2" s="4" t="s">
        <v>40</v>
      </c>
      <c r="AG2" s="4" t="s">
        <v>40</v>
      </c>
      <c r="AH2" s="4" t="s">
        <v>40</v>
      </c>
      <c r="AI2" s="4" t="s">
        <v>40</v>
      </c>
      <c r="AJ2" s="4" t="s">
        <v>40</v>
      </c>
      <c r="AK2" s="4" t="s">
        <v>40</v>
      </c>
      <c r="AL2" s="4" t="s">
        <v>40</v>
      </c>
      <c r="AM2" s="4" t="s">
        <v>40</v>
      </c>
      <c r="AN2" s="4" t="s">
        <v>40</v>
      </c>
      <c r="AO2" s="4" t="s">
        <v>40</v>
      </c>
      <c r="AP2" s="4" t="s">
        <v>40</v>
      </c>
      <c r="AQ2" s="4" t="s">
        <v>40</v>
      </c>
      <c r="AR2" s="4" t="s">
        <v>40</v>
      </c>
      <c r="AS2" s="4" t="s">
        <v>40</v>
      </c>
      <c r="AT2" s="4" t="s">
        <v>40</v>
      </c>
      <c r="AU2" s="4" t="s">
        <v>40</v>
      </c>
      <c r="AV2" s="4" t="s">
        <v>40</v>
      </c>
      <c r="AW2" s="4" t="s">
        <v>40</v>
      </c>
      <c r="AX2" s="4" t="s">
        <v>40</v>
      </c>
      <c r="AY2" s="4" t="s">
        <v>40</v>
      </c>
      <c r="AZ2" s="4" t="s">
        <v>40</v>
      </c>
      <c r="BA2" s="4" t="s">
        <v>40</v>
      </c>
      <c r="BB2" s="4" t="s">
        <v>40</v>
      </c>
      <c r="BC2" s="4" t="s">
        <v>40</v>
      </c>
      <c r="BD2" s="4" t="s">
        <v>40</v>
      </c>
      <c r="BE2" s="4" t="s">
        <v>40</v>
      </c>
      <c r="BF2" s="4" t="s">
        <v>40</v>
      </c>
      <c r="BG2" s="4" t="s">
        <v>40</v>
      </c>
      <c r="BH2" s="4" t="s">
        <v>40</v>
      </c>
      <c r="BI2" s="4" t="s">
        <v>40</v>
      </c>
      <c r="BJ2" s="4" t="s">
        <v>547</v>
      </c>
      <c r="BK2" s="4" t="s">
        <v>547</v>
      </c>
      <c r="BL2" s="4" t="s">
        <v>550</v>
      </c>
      <c r="BM2" s="4" t="s">
        <v>562</v>
      </c>
      <c r="BN2" s="66"/>
    </row>
    <row r="3" spans="1:66" ht="10" customHeight="1">
      <c r="A3" s="232" t="s">
        <v>92</v>
      </c>
      <c r="B3" s="233"/>
      <c r="C3" s="233"/>
      <c r="D3" s="234"/>
      <c r="E3" s="13"/>
      <c r="F3" s="12"/>
      <c r="G3" s="12"/>
      <c r="H3" s="12"/>
      <c r="I3" s="12"/>
      <c r="J3" s="12"/>
      <c r="K3" s="49">
        <v>30677125</v>
      </c>
      <c r="L3" s="49">
        <v>6264753</v>
      </c>
      <c r="M3" s="49">
        <v>4493831</v>
      </c>
      <c r="N3" s="49">
        <v>13023250</v>
      </c>
      <c r="O3" s="49">
        <v>1719842</v>
      </c>
      <c r="P3" s="49">
        <v>6115592</v>
      </c>
      <c r="Q3" s="49">
        <v>1706280</v>
      </c>
      <c r="R3" s="49">
        <v>2602311</v>
      </c>
      <c r="S3" s="49">
        <v>1454273</v>
      </c>
      <c r="T3" s="49">
        <v>1825677</v>
      </c>
      <c r="U3" s="49">
        <v>4121944</v>
      </c>
      <c r="V3" s="49">
        <v>2942375</v>
      </c>
      <c r="W3" s="49">
        <v>1180943</v>
      </c>
      <c r="X3" s="49">
        <v>2230360</v>
      </c>
      <c r="Y3" s="49">
        <v>2803312</v>
      </c>
      <c r="Z3" s="49">
        <v>4079953</v>
      </c>
      <c r="AA3" s="49">
        <v>4197246</v>
      </c>
      <c r="AB3" s="49">
        <v>1341569</v>
      </c>
      <c r="AC3" s="49">
        <v>2411705</v>
      </c>
      <c r="AD3" s="49">
        <v>2858400</v>
      </c>
      <c r="AE3" s="49">
        <v>2510981</v>
      </c>
      <c r="AF3" s="49">
        <v>1337807</v>
      </c>
      <c r="AG3" s="49">
        <v>1480368</v>
      </c>
      <c r="AH3" s="49">
        <v>2672033</v>
      </c>
      <c r="AI3" s="49">
        <v>3779134</v>
      </c>
      <c r="AJ3" s="49">
        <v>2013486</v>
      </c>
      <c r="AK3" s="49">
        <v>1757217</v>
      </c>
      <c r="AL3" s="49">
        <v>2627485</v>
      </c>
      <c r="AM3" s="49">
        <v>1223160</v>
      </c>
      <c r="AN3" s="49">
        <v>1005810</v>
      </c>
      <c r="AO3" s="49">
        <v>1073220</v>
      </c>
      <c r="AP3" s="49">
        <v>1559954</v>
      </c>
      <c r="AQ3" s="49">
        <v>1832453</v>
      </c>
      <c r="AR3" s="49">
        <v>1112345</v>
      </c>
      <c r="AS3" s="49">
        <v>1042328</v>
      </c>
      <c r="AT3" s="49">
        <v>777063</v>
      </c>
      <c r="AU3" s="49">
        <v>790903</v>
      </c>
      <c r="AV3" s="49">
        <v>283866</v>
      </c>
      <c r="AW3" s="49">
        <v>347960</v>
      </c>
      <c r="AX3" s="49">
        <v>483639</v>
      </c>
      <c r="AY3" s="49">
        <v>580705</v>
      </c>
      <c r="AZ3" s="49">
        <v>399407</v>
      </c>
      <c r="BA3" s="49">
        <v>672753</v>
      </c>
      <c r="BB3" s="49">
        <v>244823</v>
      </c>
      <c r="BC3" s="49">
        <v>370618</v>
      </c>
      <c r="BD3" s="49">
        <v>322814</v>
      </c>
      <c r="BE3" s="49">
        <v>277218</v>
      </c>
      <c r="BF3" s="49">
        <v>557829</v>
      </c>
      <c r="BG3" s="49">
        <v>878402</v>
      </c>
      <c r="BH3" s="49">
        <v>799704</v>
      </c>
      <c r="BI3" s="49">
        <v>981965</v>
      </c>
      <c r="BJ3" s="49">
        <v>7360263</v>
      </c>
      <c r="BK3" s="49">
        <v>2810235</v>
      </c>
      <c r="BL3" s="49">
        <v>3079073</v>
      </c>
      <c r="BM3" s="49">
        <v>2924787</v>
      </c>
      <c r="BN3" s="57">
        <v>150022549</v>
      </c>
    </row>
    <row r="4" spans="1:66" ht="10" customHeight="1">
      <c r="A4" s="20"/>
      <c r="B4" s="222" t="s">
        <v>93</v>
      </c>
      <c r="C4" s="219"/>
      <c r="D4" s="220"/>
      <c r="E4" s="13"/>
      <c r="F4" s="12"/>
      <c r="G4" s="12"/>
      <c r="H4" s="12"/>
      <c r="I4" s="12"/>
      <c r="J4" s="12"/>
      <c r="K4" s="51">
        <v>29220086</v>
      </c>
      <c r="L4" s="51">
        <v>5838964</v>
      </c>
      <c r="M4" s="51">
        <v>4074214</v>
      </c>
      <c r="N4" s="51">
        <v>12665614</v>
      </c>
      <c r="O4" s="51">
        <v>1443886</v>
      </c>
      <c r="P4" s="51">
        <v>5626598</v>
      </c>
      <c r="Q4" s="51">
        <v>1451516</v>
      </c>
      <c r="R4" s="51">
        <v>2387624</v>
      </c>
      <c r="S4" s="51">
        <v>1190941</v>
      </c>
      <c r="T4" s="51">
        <v>1589351</v>
      </c>
      <c r="U4" s="51">
        <v>3734588</v>
      </c>
      <c r="V4" s="51">
        <v>2527737</v>
      </c>
      <c r="W4" s="51">
        <v>1147834</v>
      </c>
      <c r="X4" s="51">
        <v>1818509</v>
      </c>
      <c r="Y4" s="51">
        <v>2533794</v>
      </c>
      <c r="Z4" s="51">
        <v>3778364</v>
      </c>
      <c r="AA4" s="51">
        <v>3903832</v>
      </c>
      <c r="AB4" s="51">
        <v>1172469</v>
      </c>
      <c r="AC4" s="51">
        <v>2299879</v>
      </c>
      <c r="AD4" s="51">
        <v>2539786</v>
      </c>
      <c r="AE4" s="51">
        <v>2134356</v>
      </c>
      <c r="AF4" s="51">
        <v>1253955</v>
      </c>
      <c r="AG4" s="51">
        <v>1317939</v>
      </c>
      <c r="AH4" s="51">
        <v>2269678</v>
      </c>
      <c r="AI4" s="51">
        <v>3370141</v>
      </c>
      <c r="AJ4" s="51">
        <v>1740702</v>
      </c>
      <c r="AK4" s="51">
        <v>1687318</v>
      </c>
      <c r="AL4" s="51">
        <v>2298365</v>
      </c>
      <c r="AM4" s="51">
        <v>1107941</v>
      </c>
      <c r="AN4" s="51">
        <v>903990</v>
      </c>
      <c r="AO4" s="51">
        <v>975310</v>
      </c>
      <c r="AP4" s="51">
        <v>1295840</v>
      </c>
      <c r="AQ4" s="51">
        <v>1694276</v>
      </c>
      <c r="AR4" s="51">
        <v>983606</v>
      </c>
      <c r="AS4" s="51">
        <v>893156</v>
      </c>
      <c r="AT4" s="51">
        <v>713923</v>
      </c>
      <c r="AU4" s="51">
        <v>724764</v>
      </c>
      <c r="AV4" s="51">
        <v>278264</v>
      </c>
      <c r="AW4" s="51">
        <v>336085</v>
      </c>
      <c r="AX4" s="51">
        <v>449080</v>
      </c>
      <c r="AY4" s="51">
        <v>501852</v>
      </c>
      <c r="AZ4" s="51">
        <v>353947</v>
      </c>
      <c r="BA4" s="51">
        <v>629366</v>
      </c>
      <c r="BB4" s="51">
        <v>221775</v>
      </c>
      <c r="BC4" s="51">
        <v>229152</v>
      </c>
      <c r="BD4" s="51">
        <v>218858</v>
      </c>
      <c r="BE4" s="51">
        <v>258209</v>
      </c>
      <c r="BF4" s="51">
        <v>507048</v>
      </c>
      <c r="BG4" s="51">
        <v>787217</v>
      </c>
      <c r="BH4" s="51">
        <v>681107</v>
      </c>
      <c r="BI4" s="51">
        <v>818006</v>
      </c>
      <c r="BJ4" s="51">
        <v>6444085</v>
      </c>
      <c r="BK4" s="51">
        <v>2562009</v>
      </c>
      <c r="BL4" s="51">
        <v>2790126</v>
      </c>
      <c r="BM4" s="51">
        <v>2030580</v>
      </c>
      <c r="BN4" s="50">
        <v>136407612</v>
      </c>
    </row>
    <row r="5" spans="1:66" ht="10" customHeight="1">
      <c r="A5" s="20"/>
      <c r="B5" s="16"/>
      <c r="C5" s="217" t="s">
        <v>94</v>
      </c>
      <c r="D5" s="210"/>
      <c r="E5" s="13"/>
      <c r="F5" s="12"/>
      <c r="G5" s="12"/>
      <c r="H5" s="12"/>
      <c r="I5" s="12"/>
      <c r="J5" s="12"/>
      <c r="K5" s="51">
        <v>26832804</v>
      </c>
      <c r="L5" s="51">
        <v>5167071</v>
      </c>
      <c r="M5" s="51">
        <v>3911156</v>
      </c>
      <c r="N5" s="51">
        <v>11632532</v>
      </c>
      <c r="O5" s="51">
        <v>1390550</v>
      </c>
      <c r="P5" s="51">
        <v>4911889</v>
      </c>
      <c r="Q5" s="51">
        <v>1350054</v>
      </c>
      <c r="R5" s="51">
        <v>2154474</v>
      </c>
      <c r="S5" s="51">
        <v>1096266</v>
      </c>
      <c r="T5" s="51">
        <v>1575358</v>
      </c>
      <c r="U5" s="51">
        <v>3538973</v>
      </c>
      <c r="V5" s="51">
        <v>2408241</v>
      </c>
      <c r="W5" s="51">
        <v>1080566</v>
      </c>
      <c r="X5" s="51">
        <v>1758258</v>
      </c>
      <c r="Y5" s="51">
        <v>2362270</v>
      </c>
      <c r="Z5" s="51">
        <v>3522213</v>
      </c>
      <c r="AA5" s="51">
        <v>3542390</v>
      </c>
      <c r="AB5" s="51">
        <v>1108840</v>
      </c>
      <c r="AC5" s="51">
        <v>1987121</v>
      </c>
      <c r="AD5" s="51">
        <v>2380372</v>
      </c>
      <c r="AE5" s="51">
        <v>1793158</v>
      </c>
      <c r="AF5" s="51">
        <v>1026076</v>
      </c>
      <c r="AG5" s="51">
        <v>1095377</v>
      </c>
      <c r="AH5" s="51">
        <v>2050394</v>
      </c>
      <c r="AI5" s="51">
        <v>3134604</v>
      </c>
      <c r="AJ5" s="51">
        <v>1671769</v>
      </c>
      <c r="AK5" s="51">
        <v>1441139</v>
      </c>
      <c r="AL5" s="51">
        <v>2204860</v>
      </c>
      <c r="AM5" s="51">
        <v>1047733</v>
      </c>
      <c r="AN5" s="51">
        <v>838117</v>
      </c>
      <c r="AO5" s="51">
        <v>872068</v>
      </c>
      <c r="AP5" s="51">
        <v>1245888</v>
      </c>
      <c r="AQ5" s="51">
        <v>1458235</v>
      </c>
      <c r="AR5" s="51">
        <v>889558</v>
      </c>
      <c r="AS5" s="51">
        <v>890723</v>
      </c>
      <c r="AT5" s="51">
        <v>628580</v>
      </c>
      <c r="AU5" s="51">
        <v>680416</v>
      </c>
      <c r="AV5" s="51">
        <v>267277</v>
      </c>
      <c r="AW5" s="51">
        <v>324461</v>
      </c>
      <c r="AX5" s="51">
        <v>434004</v>
      </c>
      <c r="AY5" s="51">
        <v>472529</v>
      </c>
      <c r="AZ5" s="51">
        <v>351194</v>
      </c>
      <c r="BA5" s="51">
        <v>624293</v>
      </c>
      <c r="BB5" s="51">
        <v>207023</v>
      </c>
      <c r="BC5" s="51">
        <v>223983</v>
      </c>
      <c r="BD5" s="51">
        <v>216574</v>
      </c>
      <c r="BE5" s="51">
        <v>251778</v>
      </c>
      <c r="BF5" s="51">
        <v>480456</v>
      </c>
      <c r="BG5" s="51">
        <v>762626</v>
      </c>
      <c r="BH5" s="51">
        <v>587082</v>
      </c>
      <c r="BI5" s="51">
        <v>726975</v>
      </c>
      <c r="BJ5" s="51">
        <v>6151924</v>
      </c>
      <c r="BK5" s="51">
        <v>2379335</v>
      </c>
      <c r="BL5" s="51">
        <v>2601685</v>
      </c>
      <c r="BM5" s="51">
        <v>1969286</v>
      </c>
      <c r="BN5" s="50">
        <v>125712578</v>
      </c>
    </row>
    <row r="6" spans="1:66" ht="10" customHeight="1">
      <c r="A6" s="20"/>
      <c r="B6" s="16"/>
      <c r="C6" s="217" t="s">
        <v>95</v>
      </c>
      <c r="D6" s="210"/>
      <c r="E6" s="13"/>
      <c r="F6" s="12"/>
      <c r="G6" s="12"/>
      <c r="H6" s="12"/>
      <c r="I6" s="12"/>
      <c r="J6" s="12"/>
      <c r="K6" s="51">
        <v>97603</v>
      </c>
      <c r="L6" s="51">
        <v>17216</v>
      </c>
      <c r="M6" s="51">
        <v>0</v>
      </c>
      <c r="N6" s="51">
        <v>70578</v>
      </c>
      <c r="O6" s="51">
        <v>2715</v>
      </c>
      <c r="P6" s="51">
        <v>40685</v>
      </c>
      <c r="Q6" s="51">
        <v>0</v>
      </c>
      <c r="R6" s="51">
        <v>12364</v>
      </c>
      <c r="S6" s="51">
        <v>0</v>
      </c>
      <c r="T6" s="51">
        <v>0</v>
      </c>
      <c r="U6" s="51">
        <v>2520</v>
      </c>
      <c r="V6" s="51">
        <v>25776</v>
      </c>
      <c r="W6" s="51">
        <v>0</v>
      </c>
      <c r="X6" s="51">
        <v>944</v>
      </c>
      <c r="Y6" s="51">
        <v>8699</v>
      </c>
      <c r="Z6" s="51">
        <v>0</v>
      </c>
      <c r="AA6" s="51">
        <v>8219</v>
      </c>
      <c r="AB6" s="51">
        <v>7659</v>
      </c>
      <c r="AC6" s="51">
        <v>0</v>
      </c>
      <c r="AD6" s="51">
        <v>0</v>
      </c>
      <c r="AE6" s="51">
        <v>6972</v>
      </c>
      <c r="AF6" s="51">
        <v>0</v>
      </c>
      <c r="AG6" s="51">
        <v>0</v>
      </c>
      <c r="AH6" s="51">
        <v>3296</v>
      </c>
      <c r="AI6" s="51">
        <v>19640</v>
      </c>
      <c r="AJ6" s="51">
        <v>0</v>
      </c>
      <c r="AK6" s="51">
        <v>0</v>
      </c>
      <c r="AL6" s="51">
        <v>5584</v>
      </c>
      <c r="AM6" s="51">
        <v>0</v>
      </c>
      <c r="AN6" s="51">
        <v>581</v>
      </c>
      <c r="AO6" s="51">
        <v>9475</v>
      </c>
      <c r="AP6" s="51">
        <v>0</v>
      </c>
      <c r="AQ6" s="51">
        <v>0</v>
      </c>
      <c r="AR6" s="51">
        <v>0</v>
      </c>
      <c r="AS6" s="51">
        <v>0</v>
      </c>
      <c r="AT6" s="51">
        <v>273</v>
      </c>
      <c r="AU6" s="51">
        <v>0</v>
      </c>
      <c r="AV6" s="51">
        <v>15</v>
      </c>
      <c r="AW6" s="51">
        <v>0</v>
      </c>
      <c r="AX6" s="51">
        <v>0</v>
      </c>
      <c r="AY6" s="51">
        <v>9242</v>
      </c>
      <c r="AZ6" s="51">
        <v>114</v>
      </c>
      <c r="BA6" s="51">
        <v>2101</v>
      </c>
      <c r="BB6" s="51">
        <v>125</v>
      </c>
      <c r="BC6" s="51">
        <v>0</v>
      </c>
      <c r="BD6" s="51">
        <v>0</v>
      </c>
      <c r="BE6" s="51">
        <v>0</v>
      </c>
      <c r="BF6" s="51">
        <v>0</v>
      </c>
      <c r="BG6" s="51">
        <v>1370</v>
      </c>
      <c r="BH6" s="51">
        <v>0</v>
      </c>
      <c r="BI6" s="51">
        <v>0</v>
      </c>
      <c r="BJ6" s="51">
        <v>0</v>
      </c>
      <c r="BK6" s="51">
        <v>19392</v>
      </c>
      <c r="BL6" s="51">
        <v>5884</v>
      </c>
      <c r="BM6" s="51">
        <v>0</v>
      </c>
      <c r="BN6" s="50">
        <v>379042</v>
      </c>
    </row>
    <row r="7" spans="1:66" ht="10" customHeight="1">
      <c r="A7" s="20"/>
      <c r="B7" s="16"/>
      <c r="C7" s="222" t="s">
        <v>96</v>
      </c>
      <c r="D7" s="220"/>
      <c r="E7" s="13"/>
      <c r="F7" s="12"/>
      <c r="G7" s="12"/>
      <c r="H7" s="12"/>
      <c r="I7" s="12"/>
      <c r="J7" s="12"/>
      <c r="K7" s="51">
        <v>2289679</v>
      </c>
      <c r="L7" s="51">
        <v>654677</v>
      </c>
      <c r="M7" s="51">
        <v>163058</v>
      </c>
      <c r="N7" s="51">
        <v>962504</v>
      </c>
      <c r="O7" s="51">
        <v>50621</v>
      </c>
      <c r="P7" s="51">
        <v>674024</v>
      </c>
      <c r="Q7" s="51">
        <v>101462</v>
      </c>
      <c r="R7" s="51">
        <v>220786</v>
      </c>
      <c r="S7" s="51">
        <v>94675</v>
      </c>
      <c r="T7" s="51">
        <v>13993</v>
      </c>
      <c r="U7" s="51">
        <v>193095</v>
      </c>
      <c r="V7" s="51">
        <v>93720</v>
      </c>
      <c r="W7" s="51">
        <v>67268</v>
      </c>
      <c r="X7" s="51">
        <v>59307</v>
      </c>
      <c r="Y7" s="51">
        <v>162825</v>
      </c>
      <c r="Z7" s="51">
        <v>256151</v>
      </c>
      <c r="AA7" s="51">
        <v>353223</v>
      </c>
      <c r="AB7" s="51">
        <v>55970</v>
      </c>
      <c r="AC7" s="51">
        <v>312758</v>
      </c>
      <c r="AD7" s="51">
        <v>159414</v>
      </c>
      <c r="AE7" s="51">
        <v>334226</v>
      </c>
      <c r="AF7" s="51">
        <v>227879</v>
      </c>
      <c r="AG7" s="51">
        <v>222562</v>
      </c>
      <c r="AH7" s="51">
        <v>215988</v>
      </c>
      <c r="AI7" s="51">
        <v>215897</v>
      </c>
      <c r="AJ7" s="51">
        <v>68933</v>
      </c>
      <c r="AK7" s="51">
        <v>246179</v>
      </c>
      <c r="AL7" s="51">
        <v>87921</v>
      </c>
      <c r="AM7" s="51">
        <v>60208</v>
      </c>
      <c r="AN7" s="51">
        <v>65292</v>
      </c>
      <c r="AO7" s="51">
        <v>93767</v>
      </c>
      <c r="AP7" s="51">
        <v>49952</v>
      </c>
      <c r="AQ7" s="51">
        <v>236041</v>
      </c>
      <c r="AR7" s="51">
        <v>94048</v>
      </c>
      <c r="AS7" s="51">
        <v>2433</v>
      </c>
      <c r="AT7" s="51">
        <v>85070</v>
      </c>
      <c r="AU7" s="51">
        <v>44348</v>
      </c>
      <c r="AV7" s="51">
        <v>10972</v>
      </c>
      <c r="AW7" s="51">
        <v>11624</v>
      </c>
      <c r="AX7" s="51">
        <v>15076</v>
      </c>
      <c r="AY7" s="51">
        <v>20081</v>
      </c>
      <c r="AZ7" s="51">
        <v>2639</v>
      </c>
      <c r="BA7" s="51">
        <v>2972</v>
      </c>
      <c r="BB7" s="51">
        <v>14627</v>
      </c>
      <c r="BC7" s="51">
        <v>5169</v>
      </c>
      <c r="BD7" s="51">
        <v>2284</v>
      </c>
      <c r="BE7" s="51">
        <v>6431</v>
      </c>
      <c r="BF7" s="51">
        <v>26592</v>
      </c>
      <c r="BG7" s="51">
        <v>23221</v>
      </c>
      <c r="BH7" s="51">
        <v>94025</v>
      </c>
      <c r="BI7" s="51">
        <v>91031</v>
      </c>
      <c r="BJ7" s="51">
        <v>292161</v>
      </c>
      <c r="BK7" s="51">
        <v>163282</v>
      </c>
      <c r="BL7" s="51">
        <v>182557</v>
      </c>
      <c r="BM7" s="51">
        <v>61294</v>
      </c>
      <c r="BN7" s="50">
        <v>10315992</v>
      </c>
    </row>
    <row r="8" spans="1:66" ht="10" customHeight="1">
      <c r="A8" s="20"/>
      <c r="B8" s="16"/>
      <c r="C8" s="16"/>
      <c r="D8" s="21" t="s">
        <v>97</v>
      </c>
      <c r="E8" s="13"/>
      <c r="F8" s="12"/>
      <c r="G8" s="12"/>
      <c r="H8" s="12"/>
      <c r="I8" s="12"/>
      <c r="J8" s="12"/>
      <c r="K8" s="51">
        <v>65358</v>
      </c>
      <c r="L8" s="51">
        <v>33733</v>
      </c>
      <c r="M8" s="51">
        <v>34018</v>
      </c>
      <c r="N8" s="51">
        <v>55391</v>
      </c>
      <c r="O8" s="51">
        <v>0</v>
      </c>
      <c r="P8" s="51">
        <v>8050</v>
      </c>
      <c r="Q8" s="51">
        <v>5070</v>
      </c>
      <c r="R8" s="51">
        <v>19982</v>
      </c>
      <c r="S8" s="51">
        <v>3552</v>
      </c>
      <c r="T8" s="51">
        <v>6721</v>
      </c>
      <c r="U8" s="51">
        <v>19469</v>
      </c>
      <c r="V8" s="51">
        <v>5605</v>
      </c>
      <c r="W8" s="51">
        <v>4984</v>
      </c>
      <c r="X8" s="51">
        <v>18270</v>
      </c>
      <c r="Y8" s="51">
        <v>11105</v>
      </c>
      <c r="Z8" s="51">
        <v>6386</v>
      </c>
      <c r="AA8" s="51">
        <v>8884</v>
      </c>
      <c r="AB8" s="51">
        <v>11273</v>
      </c>
      <c r="AC8" s="51">
        <v>8184</v>
      </c>
      <c r="AD8" s="51">
        <v>15663</v>
      </c>
      <c r="AE8" s="51">
        <v>4105</v>
      </c>
      <c r="AF8" s="51">
        <v>2167</v>
      </c>
      <c r="AG8" s="51">
        <v>11500</v>
      </c>
      <c r="AH8" s="51">
        <v>43257</v>
      </c>
      <c r="AI8" s="51">
        <v>6354</v>
      </c>
      <c r="AJ8" s="51">
        <v>12653</v>
      </c>
      <c r="AK8" s="51">
        <v>4715</v>
      </c>
      <c r="AL8" s="51">
        <v>754</v>
      </c>
      <c r="AM8" s="51">
        <v>1279</v>
      </c>
      <c r="AN8" s="51">
        <v>3866</v>
      </c>
      <c r="AO8" s="51">
        <v>3994</v>
      </c>
      <c r="AP8" s="51">
        <v>1346</v>
      </c>
      <c r="AQ8" s="51">
        <v>5043</v>
      </c>
      <c r="AR8" s="51">
        <v>3102</v>
      </c>
      <c r="AS8" s="51">
        <v>658</v>
      </c>
      <c r="AT8" s="51">
        <v>3206</v>
      </c>
      <c r="AU8" s="51">
        <v>1832</v>
      </c>
      <c r="AV8" s="51">
        <v>1651</v>
      </c>
      <c r="AW8" s="51">
        <v>0</v>
      </c>
      <c r="AX8" s="51">
        <v>870</v>
      </c>
      <c r="AY8" s="51">
        <v>4782</v>
      </c>
      <c r="AZ8" s="51">
        <v>1825</v>
      </c>
      <c r="BA8" s="51">
        <v>2259</v>
      </c>
      <c r="BB8" s="51">
        <v>1630</v>
      </c>
      <c r="BC8" s="51">
        <v>1590</v>
      </c>
      <c r="BD8" s="51">
        <v>0</v>
      </c>
      <c r="BE8" s="51">
        <v>558</v>
      </c>
      <c r="BF8" s="51">
        <v>4557</v>
      </c>
      <c r="BG8" s="51">
        <v>3936</v>
      </c>
      <c r="BH8" s="51">
        <v>524</v>
      </c>
      <c r="BI8" s="51">
        <v>4482</v>
      </c>
      <c r="BJ8" s="51">
        <v>8692</v>
      </c>
      <c r="BK8" s="51">
        <v>1868</v>
      </c>
      <c r="BL8" s="51">
        <v>24814</v>
      </c>
      <c r="BM8" s="51">
        <v>2492</v>
      </c>
      <c r="BN8" s="50">
        <v>518059</v>
      </c>
    </row>
    <row r="9" spans="1:66" ht="10" customHeight="1">
      <c r="A9" s="20"/>
      <c r="B9" s="16"/>
      <c r="C9" s="16"/>
      <c r="D9" s="21" t="s">
        <v>98</v>
      </c>
      <c r="E9" s="13"/>
      <c r="F9" s="12"/>
      <c r="G9" s="12"/>
      <c r="H9" s="12"/>
      <c r="I9" s="12"/>
      <c r="J9" s="12"/>
      <c r="K9" s="51">
        <v>2224321</v>
      </c>
      <c r="L9" s="51">
        <v>620944</v>
      </c>
      <c r="M9" s="51">
        <v>129040</v>
      </c>
      <c r="N9" s="51">
        <v>907113</v>
      </c>
      <c r="O9" s="51">
        <v>50621</v>
      </c>
      <c r="P9" s="51">
        <v>665974</v>
      </c>
      <c r="Q9" s="51">
        <v>96392</v>
      </c>
      <c r="R9" s="51">
        <v>200804</v>
      </c>
      <c r="S9" s="51">
        <v>91123</v>
      </c>
      <c r="T9" s="51">
        <v>7272</v>
      </c>
      <c r="U9" s="51">
        <v>173626</v>
      </c>
      <c r="V9" s="51">
        <v>88115</v>
      </c>
      <c r="W9" s="51">
        <v>62284</v>
      </c>
      <c r="X9" s="51">
        <v>41037</v>
      </c>
      <c r="Y9" s="51">
        <v>151720</v>
      </c>
      <c r="Z9" s="51">
        <v>249765</v>
      </c>
      <c r="AA9" s="51">
        <v>344339</v>
      </c>
      <c r="AB9" s="51">
        <v>44697</v>
      </c>
      <c r="AC9" s="51">
        <v>304574</v>
      </c>
      <c r="AD9" s="51">
        <v>143751</v>
      </c>
      <c r="AE9" s="51">
        <v>330121</v>
      </c>
      <c r="AF9" s="51">
        <v>225712</v>
      </c>
      <c r="AG9" s="51">
        <v>211062</v>
      </c>
      <c r="AH9" s="51">
        <v>172731</v>
      </c>
      <c r="AI9" s="51">
        <v>209543</v>
      </c>
      <c r="AJ9" s="51">
        <v>56280</v>
      </c>
      <c r="AK9" s="51">
        <v>241464</v>
      </c>
      <c r="AL9" s="51">
        <v>87167</v>
      </c>
      <c r="AM9" s="51">
        <v>58929</v>
      </c>
      <c r="AN9" s="51">
        <v>61426</v>
      </c>
      <c r="AO9" s="51">
        <v>89773</v>
      </c>
      <c r="AP9" s="51">
        <v>48606</v>
      </c>
      <c r="AQ9" s="51">
        <v>230998</v>
      </c>
      <c r="AR9" s="51">
        <v>90946</v>
      </c>
      <c r="AS9" s="51">
        <v>1775</v>
      </c>
      <c r="AT9" s="51">
        <v>81864</v>
      </c>
      <c r="AU9" s="51">
        <v>42516</v>
      </c>
      <c r="AV9" s="51">
        <v>9321</v>
      </c>
      <c r="AW9" s="51">
        <v>11624</v>
      </c>
      <c r="AX9" s="51">
        <v>14206</v>
      </c>
      <c r="AY9" s="51">
        <v>15299</v>
      </c>
      <c r="AZ9" s="51">
        <v>814</v>
      </c>
      <c r="BA9" s="51">
        <v>713</v>
      </c>
      <c r="BB9" s="51">
        <v>12997</v>
      </c>
      <c r="BC9" s="51">
        <v>3579</v>
      </c>
      <c r="BD9" s="51">
        <v>2284</v>
      </c>
      <c r="BE9" s="51">
        <v>5873</v>
      </c>
      <c r="BF9" s="51">
        <v>22035</v>
      </c>
      <c r="BG9" s="51">
        <v>19285</v>
      </c>
      <c r="BH9" s="51">
        <v>93501</v>
      </c>
      <c r="BI9" s="51">
        <v>86549</v>
      </c>
      <c r="BJ9" s="51">
        <v>283469</v>
      </c>
      <c r="BK9" s="51">
        <v>161414</v>
      </c>
      <c r="BL9" s="51">
        <v>157743</v>
      </c>
      <c r="BM9" s="51">
        <v>58802</v>
      </c>
      <c r="BN9" s="50">
        <v>9797933</v>
      </c>
    </row>
    <row r="10" spans="1:66" ht="10" customHeight="1">
      <c r="A10" s="20"/>
      <c r="B10" s="222" t="s">
        <v>99</v>
      </c>
      <c r="C10" s="219"/>
      <c r="D10" s="220"/>
      <c r="E10" s="13"/>
      <c r="F10" s="12"/>
      <c r="G10" s="12"/>
      <c r="H10" s="12"/>
      <c r="I10" s="12"/>
      <c r="J10" s="12"/>
      <c r="K10" s="51">
        <v>1443896</v>
      </c>
      <c r="L10" s="51">
        <v>425759</v>
      </c>
      <c r="M10" s="51">
        <v>419617</v>
      </c>
      <c r="N10" s="51">
        <v>304346</v>
      </c>
      <c r="O10" s="51">
        <v>275956</v>
      </c>
      <c r="P10" s="51">
        <v>461667</v>
      </c>
      <c r="Q10" s="51">
        <v>253636</v>
      </c>
      <c r="R10" s="51">
        <v>214687</v>
      </c>
      <c r="S10" s="51">
        <v>263332</v>
      </c>
      <c r="T10" s="51">
        <v>236326</v>
      </c>
      <c r="U10" s="51">
        <v>352578</v>
      </c>
      <c r="V10" s="51">
        <v>413837</v>
      </c>
      <c r="W10" s="51">
        <v>33109</v>
      </c>
      <c r="X10" s="51">
        <v>411851</v>
      </c>
      <c r="Y10" s="51">
        <v>268566</v>
      </c>
      <c r="Z10" s="51">
        <v>297678</v>
      </c>
      <c r="AA10" s="51">
        <v>293249</v>
      </c>
      <c r="AB10" s="51">
        <v>168841</v>
      </c>
      <c r="AC10" s="51">
        <v>110741</v>
      </c>
      <c r="AD10" s="51">
        <v>317464</v>
      </c>
      <c r="AE10" s="51">
        <v>367131</v>
      </c>
      <c r="AF10" s="51">
        <v>83654</v>
      </c>
      <c r="AG10" s="51">
        <v>162332</v>
      </c>
      <c r="AH10" s="51">
        <v>400970</v>
      </c>
      <c r="AI10" s="51">
        <v>408836</v>
      </c>
      <c r="AJ10" s="51">
        <v>272713</v>
      </c>
      <c r="AK10" s="51">
        <v>69138</v>
      </c>
      <c r="AL10" s="51">
        <v>328720</v>
      </c>
      <c r="AM10" s="51">
        <v>115219</v>
      </c>
      <c r="AN10" s="51">
        <v>101820</v>
      </c>
      <c r="AO10" s="51">
        <v>97910</v>
      </c>
      <c r="AP10" s="51">
        <v>263990</v>
      </c>
      <c r="AQ10" s="51">
        <v>130935</v>
      </c>
      <c r="AR10" s="51">
        <v>128739</v>
      </c>
      <c r="AS10" s="51">
        <v>149172</v>
      </c>
      <c r="AT10" s="51">
        <v>63140</v>
      </c>
      <c r="AU10" s="51">
        <v>66139</v>
      </c>
      <c r="AV10" s="51">
        <v>5602</v>
      </c>
      <c r="AW10" s="51">
        <v>11875</v>
      </c>
      <c r="AX10" s="51">
        <v>34559</v>
      </c>
      <c r="AY10" s="51">
        <v>73190</v>
      </c>
      <c r="AZ10" s="51">
        <v>45459</v>
      </c>
      <c r="BA10" s="51">
        <v>43205</v>
      </c>
      <c r="BB10" s="51">
        <v>23048</v>
      </c>
      <c r="BC10" s="51">
        <v>141466</v>
      </c>
      <c r="BD10" s="51">
        <v>103956</v>
      </c>
      <c r="BE10" s="51">
        <v>19009</v>
      </c>
      <c r="BF10" s="51">
        <v>50781</v>
      </c>
      <c r="BG10" s="51">
        <v>90660</v>
      </c>
      <c r="BH10" s="51">
        <v>118597</v>
      </c>
      <c r="BI10" s="51">
        <v>163959</v>
      </c>
      <c r="BJ10" s="51">
        <v>904494</v>
      </c>
      <c r="BK10" s="51">
        <v>248226</v>
      </c>
      <c r="BL10" s="51">
        <v>278002</v>
      </c>
      <c r="BM10" s="51">
        <v>893803</v>
      </c>
      <c r="BN10" s="50">
        <v>13427585</v>
      </c>
    </row>
    <row r="11" spans="1:66" ht="10" customHeight="1">
      <c r="A11" s="20"/>
      <c r="B11" s="16"/>
      <c r="C11" s="217" t="s">
        <v>100</v>
      </c>
      <c r="D11" s="210"/>
      <c r="E11" s="13"/>
      <c r="F11" s="12"/>
      <c r="G11" s="12"/>
      <c r="H11" s="12"/>
      <c r="I11" s="12"/>
      <c r="J11" s="12"/>
      <c r="K11" s="51">
        <v>8048</v>
      </c>
      <c r="L11" s="51">
        <v>2055</v>
      </c>
      <c r="M11" s="51">
        <v>1802</v>
      </c>
      <c r="N11" s="51">
        <v>7211</v>
      </c>
      <c r="O11" s="51">
        <v>4719</v>
      </c>
      <c r="P11" s="51">
        <v>9787</v>
      </c>
      <c r="Q11" s="51">
        <v>0</v>
      </c>
      <c r="R11" s="51">
        <v>787</v>
      </c>
      <c r="S11" s="51">
        <v>393</v>
      </c>
      <c r="T11" s="51">
        <v>81</v>
      </c>
      <c r="U11" s="51">
        <v>2487</v>
      </c>
      <c r="V11" s="51">
        <v>1900</v>
      </c>
      <c r="W11" s="51">
        <v>0</v>
      </c>
      <c r="X11" s="51">
        <v>897</v>
      </c>
      <c r="Y11" s="51">
        <v>4387</v>
      </c>
      <c r="Z11" s="51">
        <v>2364</v>
      </c>
      <c r="AA11" s="51">
        <v>2267</v>
      </c>
      <c r="AB11" s="51">
        <v>2063</v>
      </c>
      <c r="AC11" s="51">
        <v>573</v>
      </c>
      <c r="AD11" s="51">
        <v>970</v>
      </c>
      <c r="AE11" s="51">
        <v>1513</v>
      </c>
      <c r="AF11" s="51">
        <v>1766</v>
      </c>
      <c r="AG11" s="51">
        <v>493</v>
      </c>
      <c r="AH11" s="51">
        <v>1385</v>
      </c>
      <c r="AI11" s="51">
        <v>16</v>
      </c>
      <c r="AJ11" s="51">
        <v>1584</v>
      </c>
      <c r="AK11" s="51">
        <v>3874</v>
      </c>
      <c r="AL11" s="51">
        <v>790</v>
      </c>
      <c r="AM11" s="51">
        <v>1706</v>
      </c>
      <c r="AN11" s="51">
        <v>241</v>
      </c>
      <c r="AO11" s="51">
        <v>1450</v>
      </c>
      <c r="AP11" s="51">
        <v>280</v>
      </c>
      <c r="AQ11" s="51">
        <v>241</v>
      </c>
      <c r="AR11" s="51">
        <v>426</v>
      </c>
      <c r="AS11" s="51">
        <v>373</v>
      </c>
      <c r="AT11" s="51">
        <v>823</v>
      </c>
      <c r="AU11" s="51">
        <v>0</v>
      </c>
      <c r="AV11" s="51">
        <v>22</v>
      </c>
      <c r="AW11" s="51">
        <v>3</v>
      </c>
      <c r="AX11" s="51">
        <v>176</v>
      </c>
      <c r="AY11" s="51">
        <v>244</v>
      </c>
      <c r="AZ11" s="51">
        <v>41</v>
      </c>
      <c r="BA11" s="51">
        <v>214</v>
      </c>
      <c r="BB11" s="51">
        <v>288</v>
      </c>
      <c r="BC11" s="51">
        <v>6</v>
      </c>
      <c r="BD11" s="51">
        <v>289</v>
      </c>
      <c r="BE11" s="51">
        <v>0</v>
      </c>
      <c r="BF11" s="51">
        <v>4</v>
      </c>
      <c r="BG11" s="51">
        <v>296</v>
      </c>
      <c r="BH11" s="51">
        <v>360</v>
      </c>
      <c r="BI11" s="51">
        <v>294</v>
      </c>
      <c r="BJ11" s="51">
        <v>22737</v>
      </c>
      <c r="BK11" s="51">
        <v>3</v>
      </c>
      <c r="BL11" s="51">
        <v>913</v>
      </c>
      <c r="BM11" s="51">
        <v>2295</v>
      </c>
      <c r="BN11" s="50">
        <v>97937</v>
      </c>
    </row>
    <row r="12" spans="1:66" ht="10" customHeight="1">
      <c r="A12" s="20"/>
      <c r="B12" s="16"/>
      <c r="C12" s="217" t="s">
        <v>95</v>
      </c>
      <c r="D12" s="210"/>
      <c r="E12" s="13"/>
      <c r="F12" s="12"/>
      <c r="G12" s="12"/>
      <c r="H12" s="12"/>
      <c r="I12" s="12"/>
      <c r="J12" s="12"/>
      <c r="K12" s="51">
        <v>0</v>
      </c>
      <c r="L12" s="51">
        <v>0</v>
      </c>
      <c r="M12" s="51">
        <v>0</v>
      </c>
      <c r="N12" s="51">
        <v>0</v>
      </c>
      <c r="O12" s="51">
        <v>0</v>
      </c>
      <c r="P12" s="51">
        <v>0</v>
      </c>
      <c r="Q12" s="51">
        <v>0</v>
      </c>
      <c r="R12" s="51">
        <v>0</v>
      </c>
      <c r="S12" s="51">
        <v>0</v>
      </c>
      <c r="T12" s="51">
        <v>0</v>
      </c>
      <c r="U12" s="51">
        <v>0</v>
      </c>
      <c r="V12" s="51">
        <v>0</v>
      </c>
      <c r="W12" s="51">
        <v>0</v>
      </c>
      <c r="X12" s="51">
        <v>0</v>
      </c>
      <c r="Y12" s="51">
        <v>0</v>
      </c>
      <c r="Z12" s="51">
        <v>0</v>
      </c>
      <c r="AA12" s="51">
        <v>0</v>
      </c>
      <c r="AB12" s="51">
        <v>0</v>
      </c>
      <c r="AC12" s="51">
        <v>0</v>
      </c>
      <c r="AD12" s="51">
        <v>0</v>
      </c>
      <c r="AE12" s="51">
        <v>0</v>
      </c>
      <c r="AF12" s="51">
        <v>0</v>
      </c>
      <c r="AG12" s="51">
        <v>0</v>
      </c>
      <c r="AH12" s="51">
        <v>0</v>
      </c>
      <c r="AI12" s="51">
        <v>0</v>
      </c>
      <c r="AJ12" s="51">
        <v>0</v>
      </c>
      <c r="AK12" s="51">
        <v>0</v>
      </c>
      <c r="AL12" s="51">
        <v>0</v>
      </c>
      <c r="AM12" s="51">
        <v>0</v>
      </c>
      <c r="AN12" s="51">
        <v>0</v>
      </c>
      <c r="AO12" s="51">
        <v>0</v>
      </c>
      <c r="AP12" s="51">
        <v>0</v>
      </c>
      <c r="AQ12" s="51">
        <v>0</v>
      </c>
      <c r="AR12" s="51">
        <v>0</v>
      </c>
      <c r="AS12" s="51">
        <v>0</v>
      </c>
      <c r="AT12" s="51">
        <v>0</v>
      </c>
      <c r="AU12" s="51">
        <v>0</v>
      </c>
      <c r="AV12" s="51">
        <v>0</v>
      </c>
      <c r="AW12" s="51">
        <v>0</v>
      </c>
      <c r="AX12" s="51">
        <v>0</v>
      </c>
      <c r="AY12" s="51">
        <v>0</v>
      </c>
      <c r="AZ12" s="51">
        <v>0</v>
      </c>
      <c r="BA12" s="51">
        <v>0</v>
      </c>
      <c r="BB12" s="51">
        <v>0</v>
      </c>
      <c r="BC12" s="51">
        <v>0</v>
      </c>
      <c r="BD12" s="51">
        <v>0</v>
      </c>
      <c r="BE12" s="51">
        <v>0</v>
      </c>
      <c r="BF12" s="51">
        <v>0</v>
      </c>
      <c r="BG12" s="51">
        <v>0</v>
      </c>
      <c r="BH12" s="51">
        <v>0</v>
      </c>
      <c r="BI12" s="51">
        <v>0</v>
      </c>
      <c r="BJ12" s="51">
        <v>0</v>
      </c>
      <c r="BK12" s="51">
        <v>0</v>
      </c>
      <c r="BL12" s="51">
        <v>0</v>
      </c>
      <c r="BM12" s="51">
        <v>0</v>
      </c>
      <c r="BN12" s="50">
        <v>0</v>
      </c>
    </row>
    <row r="13" spans="1:66" ht="10" customHeight="1">
      <c r="A13" s="20"/>
      <c r="B13" s="16"/>
      <c r="C13" s="217" t="s">
        <v>101</v>
      </c>
      <c r="D13" s="210"/>
      <c r="E13" s="13"/>
      <c r="F13" s="12"/>
      <c r="G13" s="12"/>
      <c r="H13" s="12"/>
      <c r="I13" s="12"/>
      <c r="J13" s="12"/>
      <c r="K13" s="51">
        <v>0</v>
      </c>
      <c r="L13" s="51">
        <v>0</v>
      </c>
      <c r="M13" s="51">
        <v>0</v>
      </c>
      <c r="N13" s="51">
        <v>0</v>
      </c>
      <c r="O13" s="51">
        <v>23</v>
      </c>
      <c r="P13" s="51">
        <v>0</v>
      </c>
      <c r="Q13" s="51">
        <v>0</v>
      </c>
      <c r="R13" s="51">
        <v>52984</v>
      </c>
      <c r="S13" s="51">
        <v>140671</v>
      </c>
      <c r="T13" s="51">
        <v>0</v>
      </c>
      <c r="U13" s="51">
        <v>0</v>
      </c>
      <c r="V13" s="51">
        <v>0</v>
      </c>
      <c r="W13" s="51">
        <v>0</v>
      </c>
      <c r="X13" s="51">
        <v>117334</v>
      </c>
      <c r="Y13" s="51">
        <v>0</v>
      </c>
      <c r="Z13" s="51">
        <v>0</v>
      </c>
      <c r="AA13" s="51">
        <v>0</v>
      </c>
      <c r="AB13" s="51">
        <v>0</v>
      </c>
      <c r="AC13" s="51">
        <v>0</v>
      </c>
      <c r="AD13" s="51">
        <v>0</v>
      </c>
      <c r="AE13" s="51">
        <v>136783</v>
      </c>
      <c r="AF13" s="51">
        <v>0</v>
      </c>
      <c r="AG13" s="51">
        <v>0</v>
      </c>
      <c r="AH13" s="51">
        <v>0</v>
      </c>
      <c r="AI13" s="51">
        <v>0</v>
      </c>
      <c r="AJ13" s="51">
        <v>0</v>
      </c>
      <c r="AK13" s="51">
        <v>0</v>
      </c>
      <c r="AL13" s="51">
        <v>0</v>
      </c>
      <c r="AM13" s="51">
        <v>41114</v>
      </c>
      <c r="AN13" s="51">
        <v>0</v>
      </c>
      <c r="AO13" s="51">
        <v>0</v>
      </c>
      <c r="AP13" s="51">
        <v>0</v>
      </c>
      <c r="AQ13" s="51">
        <v>0</v>
      </c>
      <c r="AR13" s="51">
        <v>0</v>
      </c>
      <c r="AS13" s="51">
        <v>0</v>
      </c>
      <c r="AT13" s="51">
        <v>0</v>
      </c>
      <c r="AU13" s="51">
        <v>0</v>
      </c>
      <c r="AV13" s="51">
        <v>0</v>
      </c>
      <c r="AW13" s="51">
        <v>0</v>
      </c>
      <c r="AX13" s="51">
        <v>0</v>
      </c>
      <c r="AY13" s="51">
        <v>0</v>
      </c>
      <c r="AZ13" s="51">
        <v>0</v>
      </c>
      <c r="BA13" s="51">
        <v>0</v>
      </c>
      <c r="BB13" s="51">
        <v>0</v>
      </c>
      <c r="BC13" s="51">
        <v>0</v>
      </c>
      <c r="BD13" s="51">
        <v>0</v>
      </c>
      <c r="BE13" s="51">
        <v>0</v>
      </c>
      <c r="BF13" s="51">
        <v>0</v>
      </c>
      <c r="BG13" s="51">
        <v>0</v>
      </c>
      <c r="BH13" s="51">
        <v>0</v>
      </c>
      <c r="BI13" s="51">
        <v>31236</v>
      </c>
      <c r="BJ13" s="51">
        <v>0</v>
      </c>
      <c r="BK13" s="51">
        <v>0</v>
      </c>
      <c r="BL13" s="51">
        <v>0</v>
      </c>
      <c r="BM13" s="51">
        <v>62733</v>
      </c>
      <c r="BN13" s="50">
        <v>582878</v>
      </c>
    </row>
    <row r="14" spans="1:66" ht="10" customHeight="1">
      <c r="A14" s="20"/>
      <c r="B14" s="16"/>
      <c r="C14" s="217" t="s">
        <v>130</v>
      </c>
      <c r="D14" s="210"/>
      <c r="E14" s="13"/>
      <c r="F14" s="12"/>
      <c r="G14" s="12"/>
      <c r="H14" s="12"/>
      <c r="I14" s="12"/>
      <c r="J14" s="12"/>
      <c r="K14" s="51">
        <v>0</v>
      </c>
      <c r="L14" s="51">
        <v>0</v>
      </c>
      <c r="M14" s="51">
        <v>0</v>
      </c>
      <c r="N14" s="51">
        <v>0</v>
      </c>
      <c r="O14" s="51">
        <v>0</v>
      </c>
      <c r="P14" s="51">
        <v>0</v>
      </c>
      <c r="Q14" s="51">
        <v>0</v>
      </c>
      <c r="R14" s="51">
        <v>0</v>
      </c>
      <c r="S14" s="51">
        <v>0</v>
      </c>
      <c r="T14" s="51">
        <v>0</v>
      </c>
      <c r="U14" s="51">
        <v>0</v>
      </c>
      <c r="V14" s="51">
        <v>0</v>
      </c>
      <c r="W14" s="51">
        <v>0</v>
      </c>
      <c r="X14" s="51">
        <v>0</v>
      </c>
      <c r="Y14" s="51">
        <v>2655</v>
      </c>
      <c r="Z14" s="51">
        <v>0</v>
      </c>
      <c r="AA14" s="51">
        <v>0</v>
      </c>
      <c r="AB14" s="51">
        <v>0</v>
      </c>
      <c r="AC14" s="51">
        <v>0</v>
      </c>
      <c r="AD14" s="51">
        <v>0</v>
      </c>
      <c r="AE14" s="51">
        <v>0</v>
      </c>
      <c r="AF14" s="51">
        <v>0</v>
      </c>
      <c r="AG14" s="51">
        <v>0</v>
      </c>
      <c r="AH14" s="51">
        <v>0</v>
      </c>
      <c r="AI14" s="51">
        <v>0</v>
      </c>
      <c r="AJ14" s="51">
        <v>0</v>
      </c>
      <c r="AK14" s="51">
        <v>0</v>
      </c>
      <c r="AL14" s="51">
        <v>0</v>
      </c>
      <c r="AM14" s="51">
        <v>0</v>
      </c>
      <c r="AN14" s="51">
        <v>0</v>
      </c>
      <c r="AO14" s="51">
        <v>0</v>
      </c>
      <c r="AP14" s="51">
        <v>0</v>
      </c>
      <c r="AQ14" s="51">
        <v>0</v>
      </c>
      <c r="AR14" s="51">
        <v>0</v>
      </c>
      <c r="AS14" s="51">
        <v>0</v>
      </c>
      <c r="AT14" s="51">
        <v>0</v>
      </c>
      <c r="AU14" s="51">
        <v>0</v>
      </c>
      <c r="AV14" s="51">
        <v>0</v>
      </c>
      <c r="AW14" s="51">
        <v>0</v>
      </c>
      <c r="AX14" s="51">
        <v>0</v>
      </c>
      <c r="AY14" s="51">
        <v>0</v>
      </c>
      <c r="AZ14" s="51">
        <v>0</v>
      </c>
      <c r="BA14" s="51">
        <v>0</v>
      </c>
      <c r="BB14" s="51">
        <v>0</v>
      </c>
      <c r="BC14" s="51">
        <v>0</v>
      </c>
      <c r="BD14" s="51">
        <v>0</v>
      </c>
      <c r="BE14" s="51">
        <v>0</v>
      </c>
      <c r="BF14" s="51">
        <v>0</v>
      </c>
      <c r="BG14" s="51">
        <v>8359</v>
      </c>
      <c r="BH14" s="51">
        <v>0</v>
      </c>
      <c r="BI14" s="51">
        <v>0</v>
      </c>
      <c r="BJ14" s="51">
        <v>0</v>
      </c>
      <c r="BK14" s="51">
        <v>0</v>
      </c>
      <c r="BL14" s="51">
        <v>0</v>
      </c>
      <c r="BM14" s="51">
        <v>5788</v>
      </c>
      <c r="BN14" s="50">
        <v>16802</v>
      </c>
    </row>
    <row r="15" spans="1:66" ht="10" customHeight="1">
      <c r="A15" s="20"/>
      <c r="B15" s="16"/>
      <c r="C15" s="217" t="s">
        <v>102</v>
      </c>
      <c r="D15" s="210"/>
      <c r="E15" s="13"/>
      <c r="F15" s="12"/>
      <c r="G15" s="12"/>
      <c r="H15" s="12"/>
      <c r="I15" s="12"/>
      <c r="J15" s="12"/>
      <c r="K15" s="51">
        <v>20289</v>
      </c>
      <c r="L15" s="51">
        <v>2985</v>
      </c>
      <c r="M15" s="51">
        <v>1953</v>
      </c>
      <c r="N15" s="51">
        <v>0</v>
      </c>
      <c r="O15" s="51">
        <v>4840</v>
      </c>
      <c r="P15" s="51">
        <v>3212</v>
      </c>
      <c r="Q15" s="51">
        <v>9397</v>
      </c>
      <c r="R15" s="51">
        <v>0</v>
      </c>
      <c r="S15" s="51">
        <v>0</v>
      </c>
      <c r="T15" s="51">
        <v>3692</v>
      </c>
      <c r="U15" s="51">
        <v>1056</v>
      </c>
      <c r="V15" s="51">
        <v>1316</v>
      </c>
      <c r="W15" s="51">
        <v>0</v>
      </c>
      <c r="X15" s="51">
        <v>129</v>
      </c>
      <c r="Y15" s="51">
        <v>5282</v>
      </c>
      <c r="Z15" s="51">
        <v>2402</v>
      </c>
      <c r="AA15" s="51">
        <v>0</v>
      </c>
      <c r="AB15" s="51">
        <v>600</v>
      </c>
      <c r="AC15" s="51">
        <v>1511</v>
      </c>
      <c r="AD15" s="51">
        <v>0</v>
      </c>
      <c r="AE15" s="51">
        <v>142760</v>
      </c>
      <c r="AF15" s="51">
        <v>0</v>
      </c>
      <c r="AG15" s="51">
        <v>0</v>
      </c>
      <c r="AH15" s="51">
        <v>0</v>
      </c>
      <c r="AI15" s="51">
        <v>1469</v>
      </c>
      <c r="AJ15" s="51">
        <v>0</v>
      </c>
      <c r="AK15" s="51">
        <v>0</v>
      </c>
      <c r="AL15" s="51">
        <v>0</v>
      </c>
      <c r="AM15" s="51">
        <v>0</v>
      </c>
      <c r="AN15" s="51">
        <v>0</v>
      </c>
      <c r="AO15" s="51">
        <v>1039</v>
      </c>
      <c r="AP15" s="51">
        <v>0</v>
      </c>
      <c r="AQ15" s="51">
        <v>0</v>
      </c>
      <c r="AR15" s="51">
        <v>0</v>
      </c>
      <c r="AS15" s="51">
        <v>600</v>
      </c>
      <c r="AT15" s="51">
        <v>0</v>
      </c>
      <c r="AU15" s="51">
        <v>0</v>
      </c>
      <c r="AV15" s="51">
        <v>510</v>
      </c>
      <c r="AW15" s="51">
        <v>0</v>
      </c>
      <c r="AX15" s="51">
        <v>0</v>
      </c>
      <c r="AY15" s="51">
        <v>0</v>
      </c>
      <c r="AZ15" s="51">
        <v>0</v>
      </c>
      <c r="BA15" s="51">
        <v>0</v>
      </c>
      <c r="BB15" s="51">
        <v>0</v>
      </c>
      <c r="BC15" s="51">
        <v>120000</v>
      </c>
      <c r="BD15" s="51">
        <v>74300</v>
      </c>
      <c r="BE15" s="51">
        <v>4817</v>
      </c>
      <c r="BF15" s="51">
        <v>1545</v>
      </c>
      <c r="BG15" s="51">
        <v>0</v>
      </c>
      <c r="BH15" s="51">
        <v>230</v>
      </c>
      <c r="BI15" s="51">
        <v>821</v>
      </c>
      <c r="BJ15" s="51">
        <v>6878</v>
      </c>
      <c r="BK15" s="51">
        <v>1645</v>
      </c>
      <c r="BL15" s="51">
        <v>2660</v>
      </c>
      <c r="BM15" s="51">
        <v>388849</v>
      </c>
      <c r="BN15" s="50">
        <v>806787</v>
      </c>
    </row>
    <row r="16" spans="1:66" ht="10" customHeight="1">
      <c r="A16" s="20"/>
      <c r="B16" s="16"/>
      <c r="C16" s="217" t="s">
        <v>131</v>
      </c>
      <c r="D16" s="210"/>
      <c r="E16" s="13"/>
      <c r="F16" s="12"/>
      <c r="G16" s="12"/>
      <c r="H16" s="12"/>
      <c r="I16" s="12"/>
      <c r="J16" s="12"/>
      <c r="K16" s="51">
        <v>1219743</v>
      </c>
      <c r="L16" s="51">
        <v>399920</v>
      </c>
      <c r="M16" s="51">
        <v>412992</v>
      </c>
      <c r="N16" s="51">
        <v>247325</v>
      </c>
      <c r="O16" s="51">
        <v>209159</v>
      </c>
      <c r="P16" s="51">
        <v>430218</v>
      </c>
      <c r="Q16" s="51">
        <v>242505</v>
      </c>
      <c r="R16" s="51">
        <v>160346</v>
      </c>
      <c r="S16" s="51">
        <v>120560</v>
      </c>
      <c r="T16" s="51">
        <v>172480</v>
      </c>
      <c r="U16" s="51">
        <v>331678</v>
      </c>
      <c r="V16" s="51">
        <v>282094</v>
      </c>
      <c r="W16" s="51">
        <v>27629</v>
      </c>
      <c r="X16" s="51">
        <v>144279</v>
      </c>
      <c r="Y16" s="51">
        <v>242566</v>
      </c>
      <c r="Z16" s="51">
        <v>259420</v>
      </c>
      <c r="AA16" s="51">
        <v>269739</v>
      </c>
      <c r="AB16" s="51">
        <v>48712</v>
      </c>
      <c r="AC16" s="51">
        <v>96629</v>
      </c>
      <c r="AD16" s="51">
        <v>314453</v>
      </c>
      <c r="AE16" s="51">
        <v>79944</v>
      </c>
      <c r="AF16" s="51">
        <v>78572</v>
      </c>
      <c r="AG16" s="51">
        <v>159099</v>
      </c>
      <c r="AH16" s="51">
        <v>308787</v>
      </c>
      <c r="AI16" s="51">
        <v>288425</v>
      </c>
      <c r="AJ16" s="51">
        <v>266495</v>
      </c>
      <c r="AK16" s="51">
        <v>64444</v>
      </c>
      <c r="AL16" s="51">
        <v>325926</v>
      </c>
      <c r="AM16" s="51">
        <v>63432</v>
      </c>
      <c r="AN16" s="51">
        <v>76349</v>
      </c>
      <c r="AO16" s="51">
        <v>77017</v>
      </c>
      <c r="AP16" s="51">
        <v>260284</v>
      </c>
      <c r="AQ16" s="51">
        <v>130270</v>
      </c>
      <c r="AR16" s="51">
        <v>119995</v>
      </c>
      <c r="AS16" s="51">
        <v>106360</v>
      </c>
      <c r="AT16" s="51">
        <v>60552</v>
      </c>
      <c r="AU16" s="51">
        <v>65843</v>
      </c>
      <c r="AV16" s="51">
        <v>4206</v>
      </c>
      <c r="AW16" s="51">
        <v>883</v>
      </c>
      <c r="AX16" s="51">
        <v>31805</v>
      </c>
      <c r="AY16" s="51">
        <v>72541</v>
      </c>
      <c r="AZ16" s="51">
        <v>34933</v>
      </c>
      <c r="BA16" s="51">
        <v>34220</v>
      </c>
      <c r="BB16" s="51">
        <v>22600</v>
      </c>
      <c r="BC16" s="51">
        <v>21389</v>
      </c>
      <c r="BD16" s="51">
        <v>23292</v>
      </c>
      <c r="BE16" s="51">
        <v>13282</v>
      </c>
      <c r="BF16" s="51">
        <v>45459</v>
      </c>
      <c r="BG16" s="51">
        <v>81567</v>
      </c>
      <c r="BH16" s="51">
        <v>68273</v>
      </c>
      <c r="BI16" s="51">
        <v>123827</v>
      </c>
      <c r="BJ16" s="51">
        <v>850905</v>
      </c>
      <c r="BK16" s="51">
        <v>232741</v>
      </c>
      <c r="BL16" s="51">
        <v>270004</v>
      </c>
      <c r="BM16" s="51">
        <v>426805</v>
      </c>
      <c r="BN16" s="50">
        <v>10522973</v>
      </c>
    </row>
    <row r="17" spans="1:66" ht="10" customHeight="1">
      <c r="A17" s="20"/>
      <c r="B17" s="16"/>
      <c r="C17" s="217" t="s">
        <v>132</v>
      </c>
      <c r="D17" s="210"/>
      <c r="E17" s="13"/>
      <c r="F17" s="12"/>
      <c r="G17" s="12"/>
      <c r="H17" s="12"/>
      <c r="I17" s="12"/>
      <c r="J17" s="12"/>
      <c r="K17" s="51">
        <v>0</v>
      </c>
      <c r="L17" s="51">
        <v>0</v>
      </c>
      <c r="M17" s="51">
        <v>0</v>
      </c>
      <c r="N17" s="51">
        <v>0</v>
      </c>
      <c r="O17" s="51">
        <v>0</v>
      </c>
      <c r="P17" s="51">
        <v>0</v>
      </c>
      <c r="Q17" s="51">
        <v>0</v>
      </c>
      <c r="R17" s="51">
        <v>0</v>
      </c>
      <c r="S17" s="51">
        <v>0</v>
      </c>
      <c r="T17" s="51">
        <v>0</v>
      </c>
      <c r="U17" s="51">
        <v>0</v>
      </c>
      <c r="V17" s="51">
        <v>0</v>
      </c>
      <c r="W17" s="51">
        <v>0</v>
      </c>
      <c r="X17" s="51">
        <v>0</v>
      </c>
      <c r="Y17" s="51">
        <v>0</v>
      </c>
      <c r="Z17" s="51">
        <v>0</v>
      </c>
      <c r="AA17" s="51">
        <v>0</v>
      </c>
      <c r="AB17" s="51">
        <v>0</v>
      </c>
      <c r="AC17" s="51">
        <v>0</v>
      </c>
      <c r="AD17" s="51">
        <v>0</v>
      </c>
      <c r="AE17" s="51">
        <v>0</v>
      </c>
      <c r="AF17" s="51">
        <v>0</v>
      </c>
      <c r="AG17" s="51">
        <v>0</v>
      </c>
      <c r="AH17" s="51">
        <v>0</v>
      </c>
      <c r="AI17" s="51">
        <v>0</v>
      </c>
      <c r="AJ17" s="51">
        <v>0</v>
      </c>
      <c r="AK17" s="51">
        <v>0</v>
      </c>
      <c r="AL17" s="51">
        <v>0</v>
      </c>
      <c r="AM17" s="51">
        <v>0</v>
      </c>
      <c r="AN17" s="51">
        <v>0</v>
      </c>
      <c r="AO17" s="51">
        <v>0</v>
      </c>
      <c r="AP17" s="51">
        <v>0</v>
      </c>
      <c r="AQ17" s="51">
        <v>0</v>
      </c>
      <c r="AR17" s="51">
        <v>0</v>
      </c>
      <c r="AS17" s="51">
        <v>0</v>
      </c>
      <c r="AT17" s="51">
        <v>0</v>
      </c>
      <c r="AU17" s="51">
        <v>0</v>
      </c>
      <c r="AV17" s="51">
        <v>0</v>
      </c>
      <c r="AW17" s="51">
        <v>0</v>
      </c>
      <c r="AX17" s="51">
        <v>0</v>
      </c>
      <c r="AY17" s="51">
        <v>0</v>
      </c>
      <c r="AZ17" s="51">
        <v>0</v>
      </c>
      <c r="BA17" s="51">
        <v>0</v>
      </c>
      <c r="BB17" s="51">
        <v>0</v>
      </c>
      <c r="BC17" s="51">
        <v>0</v>
      </c>
      <c r="BD17" s="51">
        <v>0</v>
      </c>
      <c r="BE17" s="51">
        <v>0</v>
      </c>
      <c r="BF17" s="51">
        <v>0</v>
      </c>
      <c r="BG17" s="51">
        <v>0</v>
      </c>
      <c r="BH17" s="51">
        <v>0</v>
      </c>
      <c r="BI17" s="51">
        <v>0</v>
      </c>
      <c r="BJ17" s="51">
        <v>0</v>
      </c>
      <c r="BK17" s="51">
        <v>0</v>
      </c>
      <c r="BL17" s="51">
        <v>0</v>
      </c>
      <c r="BM17" s="51">
        <v>0</v>
      </c>
      <c r="BN17" s="50">
        <v>0</v>
      </c>
    </row>
    <row r="18" spans="1:66" ht="10" customHeight="1">
      <c r="A18" s="20"/>
      <c r="B18" s="16"/>
      <c r="C18" s="217" t="s">
        <v>103</v>
      </c>
      <c r="D18" s="210"/>
      <c r="E18" s="13"/>
      <c r="F18" s="12"/>
      <c r="G18" s="12"/>
      <c r="H18" s="12"/>
      <c r="I18" s="12"/>
      <c r="J18" s="12"/>
      <c r="K18" s="51">
        <v>195816</v>
      </c>
      <c r="L18" s="51">
        <v>20799</v>
      </c>
      <c r="M18" s="51">
        <v>2870</v>
      </c>
      <c r="N18" s="51">
        <v>49810</v>
      </c>
      <c r="O18" s="51">
        <v>57215</v>
      </c>
      <c r="P18" s="51">
        <v>18450</v>
      </c>
      <c r="Q18" s="51">
        <v>1734</v>
      </c>
      <c r="R18" s="51">
        <v>570</v>
      </c>
      <c r="S18" s="51">
        <v>1708</v>
      </c>
      <c r="T18" s="51">
        <v>60073</v>
      </c>
      <c r="U18" s="51">
        <v>17357</v>
      </c>
      <c r="V18" s="51">
        <v>128527</v>
      </c>
      <c r="W18" s="51">
        <v>5480</v>
      </c>
      <c r="X18" s="51">
        <v>149212</v>
      </c>
      <c r="Y18" s="51">
        <v>13676</v>
      </c>
      <c r="Z18" s="51">
        <v>33492</v>
      </c>
      <c r="AA18" s="51">
        <v>21243</v>
      </c>
      <c r="AB18" s="51">
        <v>117466</v>
      </c>
      <c r="AC18" s="51">
        <v>12028</v>
      </c>
      <c r="AD18" s="51">
        <v>2041</v>
      </c>
      <c r="AE18" s="51">
        <v>6131</v>
      </c>
      <c r="AF18" s="51">
        <v>3316</v>
      </c>
      <c r="AG18" s="51">
        <v>2740</v>
      </c>
      <c r="AH18" s="51">
        <v>90798</v>
      </c>
      <c r="AI18" s="51">
        <v>118926</v>
      </c>
      <c r="AJ18" s="51">
        <v>4634</v>
      </c>
      <c r="AK18" s="51">
        <v>820</v>
      </c>
      <c r="AL18" s="51">
        <v>2004</v>
      </c>
      <c r="AM18" s="51">
        <v>8967</v>
      </c>
      <c r="AN18" s="51">
        <v>25230</v>
      </c>
      <c r="AO18" s="51">
        <v>18404</v>
      </c>
      <c r="AP18" s="51">
        <v>3426</v>
      </c>
      <c r="AQ18" s="51">
        <v>424</v>
      </c>
      <c r="AR18" s="51">
        <v>8318</v>
      </c>
      <c r="AS18" s="51">
        <v>41839</v>
      </c>
      <c r="AT18" s="51">
        <v>1765</v>
      </c>
      <c r="AU18" s="51">
        <v>296</v>
      </c>
      <c r="AV18" s="51">
        <v>864</v>
      </c>
      <c r="AW18" s="51">
        <v>10989</v>
      </c>
      <c r="AX18" s="51">
        <v>2578</v>
      </c>
      <c r="AY18" s="51">
        <v>405</v>
      </c>
      <c r="AZ18" s="51">
        <v>10485</v>
      </c>
      <c r="BA18" s="51">
        <v>8771</v>
      </c>
      <c r="BB18" s="51">
        <v>160</v>
      </c>
      <c r="BC18" s="51">
        <v>71</v>
      </c>
      <c r="BD18" s="51">
        <v>6075</v>
      </c>
      <c r="BE18" s="51">
        <v>910</v>
      </c>
      <c r="BF18" s="51">
        <v>3773</v>
      </c>
      <c r="BG18" s="51">
        <v>438</v>
      </c>
      <c r="BH18" s="51">
        <v>49734</v>
      </c>
      <c r="BI18" s="51">
        <v>7781</v>
      </c>
      <c r="BJ18" s="51">
        <v>23974</v>
      </c>
      <c r="BK18" s="51">
        <v>13837</v>
      </c>
      <c r="BL18" s="51">
        <v>4425</v>
      </c>
      <c r="BM18" s="51">
        <v>7333</v>
      </c>
      <c r="BN18" s="50">
        <v>1400208</v>
      </c>
    </row>
    <row r="19" spans="1:66" ht="10" customHeight="1">
      <c r="A19" s="20"/>
      <c r="B19" s="222" t="s">
        <v>104</v>
      </c>
      <c r="C19" s="219"/>
      <c r="D19" s="220"/>
      <c r="E19" s="13"/>
      <c r="F19" s="12"/>
      <c r="G19" s="12"/>
      <c r="H19" s="12"/>
      <c r="I19" s="12"/>
      <c r="J19" s="12"/>
      <c r="K19" s="51">
        <v>13143</v>
      </c>
      <c r="L19" s="51">
        <v>30</v>
      </c>
      <c r="M19" s="51">
        <v>0</v>
      </c>
      <c r="N19" s="51">
        <v>53290</v>
      </c>
      <c r="O19" s="51">
        <v>0</v>
      </c>
      <c r="P19" s="51">
        <v>27327</v>
      </c>
      <c r="Q19" s="51">
        <v>1128</v>
      </c>
      <c r="R19" s="51">
        <v>0</v>
      </c>
      <c r="S19" s="51">
        <v>0</v>
      </c>
      <c r="T19" s="51">
        <v>0</v>
      </c>
      <c r="U19" s="51">
        <v>34778</v>
      </c>
      <c r="V19" s="51">
        <v>801</v>
      </c>
      <c r="W19" s="51">
        <v>0</v>
      </c>
      <c r="X19" s="51">
        <v>0</v>
      </c>
      <c r="Y19" s="51">
        <v>952</v>
      </c>
      <c r="Z19" s="51">
        <v>3911</v>
      </c>
      <c r="AA19" s="51">
        <v>165</v>
      </c>
      <c r="AB19" s="51">
        <v>259</v>
      </c>
      <c r="AC19" s="51">
        <v>1085</v>
      </c>
      <c r="AD19" s="51">
        <v>1150</v>
      </c>
      <c r="AE19" s="51">
        <v>9494</v>
      </c>
      <c r="AF19" s="51">
        <v>198</v>
      </c>
      <c r="AG19" s="51">
        <v>97</v>
      </c>
      <c r="AH19" s="51">
        <v>1385</v>
      </c>
      <c r="AI19" s="51">
        <v>157</v>
      </c>
      <c r="AJ19" s="51">
        <v>71</v>
      </c>
      <c r="AK19" s="51">
        <v>761</v>
      </c>
      <c r="AL19" s="51">
        <v>400</v>
      </c>
      <c r="AM19" s="51">
        <v>0</v>
      </c>
      <c r="AN19" s="51">
        <v>0</v>
      </c>
      <c r="AO19" s="51">
        <v>0</v>
      </c>
      <c r="AP19" s="51">
        <v>124</v>
      </c>
      <c r="AQ19" s="51">
        <v>7242</v>
      </c>
      <c r="AR19" s="51">
        <v>0</v>
      </c>
      <c r="AS19" s="51">
        <v>0</v>
      </c>
      <c r="AT19" s="51">
        <v>0</v>
      </c>
      <c r="AU19" s="51">
        <v>0</v>
      </c>
      <c r="AV19" s="51">
        <v>0</v>
      </c>
      <c r="AW19" s="51">
        <v>0</v>
      </c>
      <c r="AX19" s="51">
        <v>0</v>
      </c>
      <c r="AY19" s="51">
        <v>5663</v>
      </c>
      <c r="AZ19" s="51">
        <v>1</v>
      </c>
      <c r="BA19" s="51">
        <v>182</v>
      </c>
      <c r="BB19" s="51">
        <v>0</v>
      </c>
      <c r="BC19" s="51">
        <v>0</v>
      </c>
      <c r="BD19" s="51">
        <v>0</v>
      </c>
      <c r="BE19" s="51">
        <v>0</v>
      </c>
      <c r="BF19" s="51">
        <v>0</v>
      </c>
      <c r="BG19" s="51">
        <v>525</v>
      </c>
      <c r="BH19" s="51">
        <v>0</v>
      </c>
      <c r="BI19" s="51">
        <v>0</v>
      </c>
      <c r="BJ19" s="51">
        <v>11684</v>
      </c>
      <c r="BK19" s="51">
        <v>0</v>
      </c>
      <c r="BL19" s="51">
        <v>10945</v>
      </c>
      <c r="BM19" s="51">
        <v>404</v>
      </c>
      <c r="BN19" s="50">
        <v>187352</v>
      </c>
    </row>
    <row r="20" spans="1:66" ht="10" customHeight="1">
      <c r="A20" s="20"/>
      <c r="B20" s="16"/>
      <c r="C20" s="217" t="s">
        <v>105</v>
      </c>
      <c r="D20" s="210"/>
      <c r="E20" s="13"/>
      <c r="F20" s="12"/>
      <c r="G20" s="12"/>
      <c r="H20" s="12"/>
      <c r="I20" s="12"/>
      <c r="J20" s="12"/>
      <c r="K20" s="51">
        <v>0</v>
      </c>
      <c r="L20" s="51">
        <v>0</v>
      </c>
      <c r="M20" s="51">
        <v>0</v>
      </c>
      <c r="N20" s="51">
        <v>0</v>
      </c>
      <c r="O20" s="51">
        <v>0</v>
      </c>
      <c r="P20" s="51">
        <v>0</v>
      </c>
      <c r="Q20" s="51">
        <v>0</v>
      </c>
      <c r="R20" s="51">
        <v>0</v>
      </c>
      <c r="S20" s="51">
        <v>0</v>
      </c>
      <c r="T20" s="51">
        <v>0</v>
      </c>
      <c r="U20" s="51">
        <v>0</v>
      </c>
      <c r="V20" s="51">
        <v>0</v>
      </c>
      <c r="W20" s="51">
        <v>0</v>
      </c>
      <c r="X20" s="51">
        <v>0</v>
      </c>
      <c r="Y20" s="51">
        <v>0</v>
      </c>
      <c r="Z20" s="51">
        <v>0</v>
      </c>
      <c r="AA20" s="51">
        <v>0</v>
      </c>
      <c r="AB20" s="51">
        <v>0</v>
      </c>
      <c r="AC20" s="51">
        <v>0</v>
      </c>
      <c r="AD20" s="51">
        <v>0</v>
      </c>
      <c r="AE20" s="51">
        <v>0</v>
      </c>
      <c r="AF20" s="51">
        <v>0</v>
      </c>
      <c r="AG20" s="51">
        <v>0</v>
      </c>
      <c r="AH20" s="51">
        <v>0</v>
      </c>
      <c r="AI20" s="51">
        <v>0</v>
      </c>
      <c r="AJ20" s="51">
        <v>0</v>
      </c>
      <c r="AK20" s="51">
        <v>0</v>
      </c>
      <c r="AL20" s="51">
        <v>0</v>
      </c>
      <c r="AM20" s="51">
        <v>0</v>
      </c>
      <c r="AN20" s="51">
        <v>0</v>
      </c>
      <c r="AO20" s="51">
        <v>0</v>
      </c>
      <c r="AP20" s="51">
        <v>0</v>
      </c>
      <c r="AQ20" s="51">
        <v>0</v>
      </c>
      <c r="AR20" s="51">
        <v>0</v>
      </c>
      <c r="AS20" s="51">
        <v>0</v>
      </c>
      <c r="AT20" s="51">
        <v>0</v>
      </c>
      <c r="AU20" s="51">
        <v>0</v>
      </c>
      <c r="AV20" s="51">
        <v>0</v>
      </c>
      <c r="AW20" s="51">
        <v>0</v>
      </c>
      <c r="AX20" s="51">
        <v>0</v>
      </c>
      <c r="AY20" s="51">
        <v>0</v>
      </c>
      <c r="AZ20" s="51">
        <v>0</v>
      </c>
      <c r="BA20" s="51">
        <v>0</v>
      </c>
      <c r="BB20" s="51">
        <v>0</v>
      </c>
      <c r="BC20" s="51">
        <v>0</v>
      </c>
      <c r="BD20" s="51">
        <v>0</v>
      </c>
      <c r="BE20" s="51">
        <v>0</v>
      </c>
      <c r="BF20" s="51">
        <v>0</v>
      </c>
      <c r="BG20" s="51">
        <v>0</v>
      </c>
      <c r="BH20" s="51">
        <v>0</v>
      </c>
      <c r="BI20" s="51">
        <v>0</v>
      </c>
      <c r="BJ20" s="51">
        <v>0</v>
      </c>
      <c r="BK20" s="51">
        <v>0</v>
      </c>
      <c r="BL20" s="51">
        <v>0</v>
      </c>
      <c r="BM20" s="51">
        <v>0</v>
      </c>
      <c r="BN20" s="50">
        <v>0</v>
      </c>
    </row>
    <row r="21" spans="1:66" ht="10" customHeight="1">
      <c r="A21" s="20"/>
      <c r="B21" s="16"/>
      <c r="C21" s="217" t="s">
        <v>106</v>
      </c>
      <c r="D21" s="210"/>
      <c r="E21" s="13"/>
      <c r="F21" s="12"/>
      <c r="G21" s="12"/>
      <c r="H21" s="12"/>
      <c r="I21" s="12"/>
      <c r="J21" s="12"/>
      <c r="K21" s="51">
        <v>0</v>
      </c>
      <c r="L21" s="51">
        <v>24</v>
      </c>
      <c r="M21" s="51">
        <v>0</v>
      </c>
      <c r="N21" s="51">
        <v>23</v>
      </c>
      <c r="O21" s="51">
        <v>0</v>
      </c>
      <c r="P21" s="51">
        <v>52</v>
      </c>
      <c r="Q21" s="51">
        <v>0</v>
      </c>
      <c r="R21" s="51">
        <v>0</v>
      </c>
      <c r="S21" s="51">
        <v>0</v>
      </c>
      <c r="T21" s="51">
        <v>0</v>
      </c>
      <c r="U21" s="51">
        <v>0</v>
      </c>
      <c r="V21" s="51">
        <v>0</v>
      </c>
      <c r="W21" s="51">
        <v>0</v>
      </c>
      <c r="X21" s="51">
        <v>0</v>
      </c>
      <c r="Y21" s="51">
        <v>0</v>
      </c>
      <c r="Z21" s="51">
        <v>0</v>
      </c>
      <c r="AA21" s="51">
        <v>0</v>
      </c>
      <c r="AB21" s="51">
        <v>0</v>
      </c>
      <c r="AC21" s="51">
        <v>0</v>
      </c>
      <c r="AD21" s="51">
        <v>0</v>
      </c>
      <c r="AE21" s="51">
        <v>0</v>
      </c>
      <c r="AF21" s="51">
        <v>0</v>
      </c>
      <c r="AG21" s="51">
        <v>0</v>
      </c>
      <c r="AH21" s="51">
        <v>0</v>
      </c>
      <c r="AI21" s="51">
        <v>145</v>
      </c>
      <c r="AJ21" s="51">
        <v>0</v>
      </c>
      <c r="AK21" s="51">
        <v>0</v>
      </c>
      <c r="AL21" s="51">
        <v>0</v>
      </c>
      <c r="AM21" s="51">
        <v>0</v>
      </c>
      <c r="AN21" s="51">
        <v>0</v>
      </c>
      <c r="AO21" s="51">
        <v>0</v>
      </c>
      <c r="AP21" s="51">
        <v>0</v>
      </c>
      <c r="AQ21" s="51">
        <v>467</v>
      </c>
      <c r="AR21" s="51">
        <v>0</v>
      </c>
      <c r="AS21" s="51">
        <v>0</v>
      </c>
      <c r="AT21" s="51">
        <v>0</v>
      </c>
      <c r="AU21" s="51">
        <v>0</v>
      </c>
      <c r="AV21" s="51">
        <v>0</v>
      </c>
      <c r="AW21" s="51">
        <v>0</v>
      </c>
      <c r="AX21" s="51">
        <v>0</v>
      </c>
      <c r="AY21" s="51">
        <v>0</v>
      </c>
      <c r="AZ21" s="51">
        <v>0</v>
      </c>
      <c r="BA21" s="51">
        <v>182</v>
      </c>
      <c r="BB21" s="51">
        <v>0</v>
      </c>
      <c r="BC21" s="51">
        <v>0</v>
      </c>
      <c r="BD21" s="51">
        <v>0</v>
      </c>
      <c r="BE21" s="51">
        <v>0</v>
      </c>
      <c r="BF21" s="51">
        <v>0</v>
      </c>
      <c r="BG21" s="51">
        <v>189</v>
      </c>
      <c r="BH21" s="51">
        <v>0</v>
      </c>
      <c r="BI21" s="51">
        <v>0</v>
      </c>
      <c r="BJ21" s="51">
        <v>10421</v>
      </c>
      <c r="BK21" s="51">
        <v>0</v>
      </c>
      <c r="BL21" s="51">
        <v>10930</v>
      </c>
      <c r="BM21" s="51">
        <v>0</v>
      </c>
      <c r="BN21" s="50">
        <v>22433</v>
      </c>
    </row>
    <row r="22" spans="1:66" ht="10" customHeight="1">
      <c r="A22" s="22"/>
      <c r="B22" s="17"/>
      <c r="C22" s="217" t="s">
        <v>98</v>
      </c>
      <c r="D22" s="210"/>
      <c r="E22" s="13"/>
      <c r="F22" s="12"/>
      <c r="G22" s="12"/>
      <c r="H22" s="12"/>
      <c r="I22" s="12"/>
      <c r="J22" s="12"/>
      <c r="K22" s="51">
        <v>13143</v>
      </c>
      <c r="L22" s="51">
        <v>6</v>
      </c>
      <c r="M22" s="51">
        <v>0</v>
      </c>
      <c r="N22" s="51">
        <v>53267</v>
      </c>
      <c r="O22" s="51">
        <v>0</v>
      </c>
      <c r="P22" s="51">
        <v>27275</v>
      </c>
      <c r="Q22" s="51">
        <v>1128</v>
      </c>
      <c r="R22" s="51">
        <v>0</v>
      </c>
      <c r="S22" s="51">
        <v>0</v>
      </c>
      <c r="T22" s="51">
        <v>0</v>
      </c>
      <c r="U22" s="51">
        <v>34778</v>
      </c>
      <c r="V22" s="51">
        <v>801</v>
      </c>
      <c r="W22" s="51">
        <v>0</v>
      </c>
      <c r="X22" s="51">
        <v>0</v>
      </c>
      <c r="Y22" s="51">
        <v>952</v>
      </c>
      <c r="Z22" s="51">
        <v>3911</v>
      </c>
      <c r="AA22" s="51">
        <v>165</v>
      </c>
      <c r="AB22" s="51">
        <v>259</v>
      </c>
      <c r="AC22" s="51">
        <v>1085</v>
      </c>
      <c r="AD22" s="51">
        <v>1150</v>
      </c>
      <c r="AE22" s="51">
        <v>9494</v>
      </c>
      <c r="AF22" s="51">
        <v>198</v>
      </c>
      <c r="AG22" s="51">
        <v>97</v>
      </c>
      <c r="AH22" s="51">
        <v>1385</v>
      </c>
      <c r="AI22" s="51">
        <v>12</v>
      </c>
      <c r="AJ22" s="51">
        <v>71</v>
      </c>
      <c r="AK22" s="51">
        <v>761</v>
      </c>
      <c r="AL22" s="51">
        <v>400</v>
      </c>
      <c r="AM22" s="51">
        <v>0</v>
      </c>
      <c r="AN22" s="51">
        <v>0</v>
      </c>
      <c r="AO22" s="51">
        <v>0</v>
      </c>
      <c r="AP22" s="51">
        <v>124</v>
      </c>
      <c r="AQ22" s="51">
        <v>6775</v>
      </c>
      <c r="AR22" s="51">
        <v>0</v>
      </c>
      <c r="AS22" s="51">
        <v>0</v>
      </c>
      <c r="AT22" s="51">
        <v>0</v>
      </c>
      <c r="AU22" s="51">
        <v>0</v>
      </c>
      <c r="AV22" s="51">
        <v>0</v>
      </c>
      <c r="AW22" s="51">
        <v>0</v>
      </c>
      <c r="AX22" s="51">
        <v>0</v>
      </c>
      <c r="AY22" s="51">
        <v>5663</v>
      </c>
      <c r="AZ22" s="51">
        <v>1</v>
      </c>
      <c r="BA22" s="51">
        <v>0</v>
      </c>
      <c r="BB22" s="51">
        <v>0</v>
      </c>
      <c r="BC22" s="51">
        <v>0</v>
      </c>
      <c r="BD22" s="51">
        <v>0</v>
      </c>
      <c r="BE22" s="51">
        <v>0</v>
      </c>
      <c r="BF22" s="51">
        <v>0</v>
      </c>
      <c r="BG22" s="51">
        <v>336</v>
      </c>
      <c r="BH22" s="51">
        <v>0</v>
      </c>
      <c r="BI22" s="51">
        <v>0</v>
      </c>
      <c r="BJ22" s="51">
        <v>1263</v>
      </c>
      <c r="BK22" s="51">
        <v>0</v>
      </c>
      <c r="BL22" s="51">
        <v>15</v>
      </c>
      <c r="BM22" s="51">
        <v>404</v>
      </c>
      <c r="BN22" s="50">
        <v>164919</v>
      </c>
    </row>
    <row r="23" spans="1:66" ht="10" customHeight="1">
      <c r="A23" s="235" t="s">
        <v>107</v>
      </c>
      <c r="B23" s="236"/>
      <c r="C23" s="236"/>
      <c r="D23" s="237"/>
      <c r="E23" s="13"/>
      <c r="F23" s="12"/>
      <c r="G23" s="12"/>
      <c r="H23" s="12"/>
      <c r="I23" s="12"/>
      <c r="J23" s="12"/>
      <c r="K23" s="51">
        <v>26467651</v>
      </c>
      <c r="L23" s="51">
        <v>5810409</v>
      </c>
      <c r="M23" s="51">
        <v>3919448</v>
      </c>
      <c r="N23" s="51">
        <v>11146577</v>
      </c>
      <c r="O23" s="51">
        <v>1559387</v>
      </c>
      <c r="P23" s="51">
        <v>5866384</v>
      </c>
      <c r="Q23" s="51">
        <v>1737589</v>
      </c>
      <c r="R23" s="51">
        <v>2363896</v>
      </c>
      <c r="S23" s="51">
        <v>1475680</v>
      </c>
      <c r="T23" s="51">
        <v>1834792</v>
      </c>
      <c r="U23" s="51">
        <v>4075805</v>
      </c>
      <c r="V23" s="51">
        <v>2722662</v>
      </c>
      <c r="W23" s="51">
        <v>1078874</v>
      </c>
      <c r="X23" s="51">
        <v>2143091</v>
      </c>
      <c r="Y23" s="51">
        <v>2713124</v>
      </c>
      <c r="Z23" s="51">
        <v>3764278</v>
      </c>
      <c r="AA23" s="51">
        <v>4104450</v>
      </c>
      <c r="AB23" s="51">
        <v>1244658</v>
      </c>
      <c r="AC23" s="51">
        <v>2277510</v>
      </c>
      <c r="AD23" s="51">
        <v>2636042</v>
      </c>
      <c r="AE23" s="51">
        <v>2089760</v>
      </c>
      <c r="AF23" s="51">
        <v>1288210</v>
      </c>
      <c r="AG23" s="51">
        <v>1389307</v>
      </c>
      <c r="AH23" s="51">
        <v>2597988</v>
      </c>
      <c r="AI23" s="51">
        <v>3293601</v>
      </c>
      <c r="AJ23" s="51">
        <v>1760462</v>
      </c>
      <c r="AK23" s="51">
        <v>1514960</v>
      </c>
      <c r="AL23" s="51">
        <v>2305387</v>
      </c>
      <c r="AM23" s="51">
        <v>1153868</v>
      </c>
      <c r="AN23" s="51">
        <v>992404</v>
      </c>
      <c r="AO23" s="51">
        <v>1087794</v>
      </c>
      <c r="AP23" s="51">
        <v>1420544</v>
      </c>
      <c r="AQ23" s="51">
        <v>1536573</v>
      </c>
      <c r="AR23" s="51">
        <v>938845</v>
      </c>
      <c r="AS23" s="51">
        <v>967765</v>
      </c>
      <c r="AT23" s="51">
        <v>776951</v>
      </c>
      <c r="AU23" s="51">
        <v>670222</v>
      </c>
      <c r="AV23" s="51">
        <v>264156</v>
      </c>
      <c r="AW23" s="51">
        <v>345969</v>
      </c>
      <c r="AX23" s="51">
        <v>428311</v>
      </c>
      <c r="AY23" s="51">
        <v>547718</v>
      </c>
      <c r="AZ23" s="51">
        <v>415075</v>
      </c>
      <c r="BA23" s="51">
        <v>611016</v>
      </c>
      <c r="BB23" s="51">
        <v>262842</v>
      </c>
      <c r="BC23" s="51">
        <v>315922</v>
      </c>
      <c r="BD23" s="51">
        <v>293698</v>
      </c>
      <c r="BE23" s="51">
        <v>268850</v>
      </c>
      <c r="BF23" s="51">
        <v>434416</v>
      </c>
      <c r="BG23" s="51">
        <v>816680</v>
      </c>
      <c r="BH23" s="51">
        <v>716912</v>
      </c>
      <c r="BI23" s="51">
        <v>995481</v>
      </c>
      <c r="BJ23" s="51">
        <v>6463270</v>
      </c>
      <c r="BK23" s="51">
        <v>2659300</v>
      </c>
      <c r="BL23" s="51">
        <v>3016102</v>
      </c>
      <c r="BM23" s="51">
        <v>2952469</v>
      </c>
      <c r="BN23" s="50">
        <v>136535135</v>
      </c>
    </row>
    <row r="24" spans="1:66" ht="10" customHeight="1">
      <c r="A24" s="20"/>
      <c r="B24" s="222" t="s">
        <v>108</v>
      </c>
      <c r="C24" s="219"/>
      <c r="D24" s="220"/>
      <c r="E24" s="13"/>
      <c r="F24" s="12"/>
      <c r="G24" s="12"/>
      <c r="H24" s="12"/>
      <c r="I24" s="12"/>
      <c r="J24" s="12"/>
      <c r="K24" s="51">
        <v>25880533</v>
      </c>
      <c r="L24" s="51">
        <v>5714662</v>
      </c>
      <c r="M24" s="51">
        <v>3759049</v>
      </c>
      <c r="N24" s="51">
        <v>10809853</v>
      </c>
      <c r="O24" s="51">
        <v>1482947</v>
      </c>
      <c r="P24" s="51">
        <v>5778923</v>
      </c>
      <c r="Q24" s="51">
        <v>1706774</v>
      </c>
      <c r="R24" s="51">
        <v>2284317</v>
      </c>
      <c r="S24" s="51">
        <v>1439799</v>
      </c>
      <c r="T24" s="51">
        <v>1826779</v>
      </c>
      <c r="U24" s="51">
        <v>3990937</v>
      </c>
      <c r="V24" s="51">
        <v>2697629</v>
      </c>
      <c r="W24" s="51">
        <v>1025938</v>
      </c>
      <c r="X24" s="51">
        <v>2123129</v>
      </c>
      <c r="Y24" s="51">
        <v>2580486</v>
      </c>
      <c r="Z24" s="51">
        <v>3720846</v>
      </c>
      <c r="AA24" s="51">
        <v>4080599</v>
      </c>
      <c r="AB24" s="51">
        <v>1209167</v>
      </c>
      <c r="AC24" s="51">
        <v>2235414</v>
      </c>
      <c r="AD24" s="51">
        <v>2601467</v>
      </c>
      <c r="AE24" s="51">
        <v>1982211</v>
      </c>
      <c r="AF24" s="51">
        <v>1256297</v>
      </c>
      <c r="AG24" s="51">
        <v>1385975</v>
      </c>
      <c r="AH24" s="51">
        <v>2555988</v>
      </c>
      <c r="AI24" s="51">
        <v>3271344</v>
      </c>
      <c r="AJ24" s="51">
        <v>1726188</v>
      </c>
      <c r="AK24" s="51">
        <v>1497432</v>
      </c>
      <c r="AL24" s="51">
        <v>2263494</v>
      </c>
      <c r="AM24" s="51">
        <v>1147160</v>
      </c>
      <c r="AN24" s="51">
        <v>978449</v>
      </c>
      <c r="AO24" s="51">
        <v>1058473</v>
      </c>
      <c r="AP24" s="51">
        <v>1392660</v>
      </c>
      <c r="AQ24" s="51">
        <v>1516048</v>
      </c>
      <c r="AR24" s="51">
        <v>921909</v>
      </c>
      <c r="AS24" s="51">
        <v>955546</v>
      </c>
      <c r="AT24" s="51">
        <v>753365</v>
      </c>
      <c r="AU24" s="51">
        <v>655218</v>
      </c>
      <c r="AV24" s="51">
        <v>263495</v>
      </c>
      <c r="AW24" s="51">
        <v>340825</v>
      </c>
      <c r="AX24" s="51">
        <v>424138</v>
      </c>
      <c r="AY24" s="51">
        <v>545452</v>
      </c>
      <c r="AZ24" s="51">
        <v>400211</v>
      </c>
      <c r="BA24" s="51">
        <v>592794</v>
      </c>
      <c r="BB24" s="51">
        <v>262727</v>
      </c>
      <c r="BC24" s="51">
        <v>303927</v>
      </c>
      <c r="BD24" s="51">
        <v>284793</v>
      </c>
      <c r="BE24" s="51">
        <v>263390</v>
      </c>
      <c r="BF24" s="51">
        <v>419470</v>
      </c>
      <c r="BG24" s="51">
        <v>797605</v>
      </c>
      <c r="BH24" s="51">
        <v>696233</v>
      </c>
      <c r="BI24" s="51">
        <v>983934</v>
      </c>
      <c r="BJ24" s="51">
        <v>6337851</v>
      </c>
      <c r="BK24" s="51">
        <v>2655146</v>
      </c>
      <c r="BL24" s="51">
        <v>3011840</v>
      </c>
      <c r="BM24" s="51">
        <v>2865609</v>
      </c>
      <c r="BN24" s="50">
        <v>133716445</v>
      </c>
    </row>
    <row r="25" spans="1:66" ht="10" customHeight="1">
      <c r="A25" s="20"/>
      <c r="B25" s="16"/>
      <c r="C25" s="217" t="s">
        <v>109</v>
      </c>
      <c r="D25" s="210"/>
      <c r="E25" s="13"/>
      <c r="F25" s="12"/>
      <c r="G25" s="12"/>
      <c r="H25" s="12"/>
      <c r="I25" s="12"/>
      <c r="J25" s="12"/>
      <c r="K25" s="51">
        <v>7868237</v>
      </c>
      <c r="L25" s="51">
        <v>2675894</v>
      </c>
      <c r="M25" s="51">
        <v>1039334</v>
      </c>
      <c r="N25" s="51">
        <v>4154115</v>
      </c>
      <c r="O25" s="51">
        <v>419109</v>
      </c>
      <c r="P25" s="51">
        <v>2475547</v>
      </c>
      <c r="Q25" s="51">
        <v>416984</v>
      </c>
      <c r="R25" s="51">
        <v>1081735</v>
      </c>
      <c r="S25" s="51">
        <v>360932</v>
      </c>
      <c r="T25" s="51">
        <v>760900</v>
      </c>
      <c r="U25" s="51">
        <v>2028584</v>
      </c>
      <c r="V25" s="51">
        <v>1178760</v>
      </c>
      <c r="W25" s="51">
        <v>533975</v>
      </c>
      <c r="X25" s="51">
        <v>994797</v>
      </c>
      <c r="Y25" s="51">
        <v>881251</v>
      </c>
      <c r="Z25" s="51">
        <v>1466185</v>
      </c>
      <c r="AA25" s="51">
        <v>1760010</v>
      </c>
      <c r="AB25" s="51">
        <v>449283</v>
      </c>
      <c r="AC25" s="51">
        <v>1047805</v>
      </c>
      <c r="AD25" s="51">
        <v>1001690</v>
      </c>
      <c r="AE25" s="51">
        <v>941014</v>
      </c>
      <c r="AF25" s="51">
        <v>465023</v>
      </c>
      <c r="AG25" s="51">
        <v>654256</v>
      </c>
      <c r="AH25" s="51">
        <v>1179579</v>
      </c>
      <c r="AI25" s="51">
        <v>1415071</v>
      </c>
      <c r="AJ25" s="51">
        <v>665304</v>
      </c>
      <c r="AK25" s="51">
        <v>753107</v>
      </c>
      <c r="AL25" s="51">
        <v>782207</v>
      </c>
      <c r="AM25" s="51">
        <v>522421</v>
      </c>
      <c r="AN25" s="51">
        <v>429248</v>
      </c>
      <c r="AO25" s="51">
        <v>415207</v>
      </c>
      <c r="AP25" s="51">
        <v>472686</v>
      </c>
      <c r="AQ25" s="51">
        <v>833073</v>
      </c>
      <c r="AR25" s="51">
        <v>429958</v>
      </c>
      <c r="AS25" s="51">
        <v>294840</v>
      </c>
      <c r="AT25" s="51">
        <v>323659</v>
      </c>
      <c r="AU25" s="51">
        <v>253278</v>
      </c>
      <c r="AV25" s="51">
        <v>115356</v>
      </c>
      <c r="AW25" s="51">
        <v>152575</v>
      </c>
      <c r="AX25" s="51">
        <v>103326</v>
      </c>
      <c r="AY25" s="51">
        <v>173710</v>
      </c>
      <c r="AZ25" s="51">
        <v>149191</v>
      </c>
      <c r="BA25" s="51">
        <v>259086</v>
      </c>
      <c r="BB25" s="51">
        <v>103384</v>
      </c>
      <c r="BC25" s="51">
        <v>105674</v>
      </c>
      <c r="BD25" s="51">
        <v>95163</v>
      </c>
      <c r="BE25" s="51">
        <v>77832</v>
      </c>
      <c r="BF25" s="51">
        <v>113783</v>
      </c>
      <c r="BG25" s="51">
        <v>399542</v>
      </c>
      <c r="BH25" s="51">
        <v>286221</v>
      </c>
      <c r="BI25" s="51">
        <v>389273</v>
      </c>
      <c r="BJ25" s="51">
        <v>2491820</v>
      </c>
      <c r="BK25" s="51">
        <v>1084341</v>
      </c>
      <c r="BL25" s="51">
        <v>1427845</v>
      </c>
      <c r="BM25" s="51">
        <v>553861</v>
      </c>
      <c r="BN25" s="50">
        <v>51507041</v>
      </c>
    </row>
    <row r="26" spans="1:66" ht="10" customHeight="1">
      <c r="A26" s="20"/>
      <c r="B26" s="16"/>
      <c r="C26" s="217" t="s">
        <v>110</v>
      </c>
      <c r="D26" s="210"/>
      <c r="E26" s="13"/>
      <c r="F26" s="13"/>
      <c r="G26" s="13"/>
      <c r="H26" s="13"/>
      <c r="I26" s="13"/>
      <c r="J26" s="13"/>
      <c r="K26" s="51">
        <v>5303328</v>
      </c>
      <c r="L26" s="51">
        <v>581169</v>
      </c>
      <c r="M26" s="51">
        <v>672368</v>
      </c>
      <c r="N26" s="51">
        <v>2257189</v>
      </c>
      <c r="O26" s="51">
        <v>229948</v>
      </c>
      <c r="P26" s="51">
        <v>537964</v>
      </c>
      <c r="Q26" s="51">
        <v>213163</v>
      </c>
      <c r="R26" s="51">
        <v>171366</v>
      </c>
      <c r="S26" s="51">
        <v>275702</v>
      </c>
      <c r="T26" s="51">
        <v>240389</v>
      </c>
      <c r="U26" s="51">
        <v>529243</v>
      </c>
      <c r="V26" s="51">
        <v>263361</v>
      </c>
      <c r="W26" s="51">
        <v>56471</v>
      </c>
      <c r="X26" s="51">
        <v>149492</v>
      </c>
      <c r="Y26" s="51">
        <v>118360</v>
      </c>
      <c r="Z26" s="51">
        <v>721585</v>
      </c>
      <c r="AA26" s="51">
        <v>498070</v>
      </c>
      <c r="AB26" s="51">
        <v>120261</v>
      </c>
      <c r="AC26" s="51">
        <v>184086</v>
      </c>
      <c r="AD26" s="51">
        <v>399922</v>
      </c>
      <c r="AE26" s="51">
        <v>171670</v>
      </c>
      <c r="AF26" s="51">
        <v>98084</v>
      </c>
      <c r="AG26" s="51">
        <v>110286</v>
      </c>
      <c r="AH26" s="51">
        <v>235923</v>
      </c>
      <c r="AI26" s="51">
        <v>255980</v>
      </c>
      <c r="AJ26" s="51">
        <v>208462</v>
      </c>
      <c r="AK26" s="51">
        <v>117083</v>
      </c>
      <c r="AL26" s="51">
        <v>292686</v>
      </c>
      <c r="AM26" s="51">
        <v>149607</v>
      </c>
      <c r="AN26" s="51">
        <v>68919</v>
      </c>
      <c r="AO26" s="51">
        <v>84645</v>
      </c>
      <c r="AP26" s="51">
        <v>114709</v>
      </c>
      <c r="AQ26" s="51">
        <v>99308</v>
      </c>
      <c r="AR26" s="51">
        <v>100507</v>
      </c>
      <c r="AS26" s="51">
        <v>204752</v>
      </c>
      <c r="AT26" s="51">
        <v>56074</v>
      </c>
      <c r="AU26" s="51">
        <v>36510</v>
      </c>
      <c r="AV26" s="51">
        <v>40646</v>
      </c>
      <c r="AW26" s="51">
        <v>27628</v>
      </c>
      <c r="AX26" s="51">
        <v>47030</v>
      </c>
      <c r="AY26" s="51">
        <v>65570</v>
      </c>
      <c r="AZ26" s="51">
        <v>23978</v>
      </c>
      <c r="BA26" s="51">
        <v>71487</v>
      </c>
      <c r="BB26" s="51">
        <v>39480</v>
      </c>
      <c r="BC26" s="51">
        <v>37964</v>
      </c>
      <c r="BD26" s="51">
        <v>46962</v>
      </c>
      <c r="BE26" s="51">
        <v>21549</v>
      </c>
      <c r="BF26" s="51">
        <v>75178</v>
      </c>
      <c r="BG26" s="51">
        <v>45822</v>
      </c>
      <c r="BH26" s="51">
        <v>56295</v>
      </c>
      <c r="BI26" s="51">
        <v>76334</v>
      </c>
      <c r="BJ26" s="51">
        <v>474844</v>
      </c>
      <c r="BK26" s="51">
        <v>376158</v>
      </c>
      <c r="BL26" s="51">
        <v>323709</v>
      </c>
      <c r="BM26" s="51">
        <v>301102</v>
      </c>
      <c r="BN26" s="50">
        <v>18080378</v>
      </c>
    </row>
    <row r="27" spans="1:66" ht="10" customHeight="1">
      <c r="A27" s="20"/>
      <c r="B27" s="16"/>
      <c r="C27" s="217" t="s">
        <v>111</v>
      </c>
      <c r="D27" s="210"/>
      <c r="E27" s="13"/>
      <c r="F27" s="13"/>
      <c r="G27" s="13"/>
      <c r="H27" s="13"/>
      <c r="I27" s="13"/>
      <c r="J27" s="13"/>
      <c r="K27" s="51">
        <v>95204</v>
      </c>
      <c r="L27" s="51">
        <v>12622</v>
      </c>
      <c r="M27" s="51">
        <v>0</v>
      </c>
      <c r="N27" s="51">
        <v>71653</v>
      </c>
      <c r="O27" s="51">
        <v>2715</v>
      </c>
      <c r="P27" s="51">
        <v>43929</v>
      </c>
      <c r="Q27" s="51">
        <v>0</v>
      </c>
      <c r="R27" s="51">
        <v>4167</v>
      </c>
      <c r="S27" s="51">
        <v>0</v>
      </c>
      <c r="T27" s="51">
        <v>0</v>
      </c>
      <c r="U27" s="51">
        <v>8857</v>
      </c>
      <c r="V27" s="51">
        <v>29864</v>
      </c>
      <c r="W27" s="51">
        <v>0</v>
      </c>
      <c r="X27" s="51">
        <v>839</v>
      </c>
      <c r="Y27" s="51">
        <v>8098</v>
      </c>
      <c r="Z27" s="51">
        <v>0</v>
      </c>
      <c r="AA27" s="51">
        <v>40442</v>
      </c>
      <c r="AB27" s="51">
        <v>6080</v>
      </c>
      <c r="AC27" s="51">
        <v>0</v>
      </c>
      <c r="AD27" s="51">
        <v>0</v>
      </c>
      <c r="AE27" s="51">
        <v>21724</v>
      </c>
      <c r="AF27" s="51">
        <v>0</v>
      </c>
      <c r="AG27" s="51">
        <v>9920</v>
      </c>
      <c r="AH27" s="51">
        <v>2236</v>
      </c>
      <c r="AI27" s="51">
        <v>20918</v>
      </c>
      <c r="AJ27" s="51">
        <v>0</v>
      </c>
      <c r="AK27" s="51">
        <v>411</v>
      </c>
      <c r="AL27" s="51">
        <v>4571</v>
      </c>
      <c r="AM27" s="51">
        <v>0</v>
      </c>
      <c r="AN27" s="51">
        <v>1048</v>
      </c>
      <c r="AO27" s="51">
        <v>44550</v>
      </c>
      <c r="AP27" s="51">
        <v>0</v>
      </c>
      <c r="AQ27" s="51">
        <v>0</v>
      </c>
      <c r="AR27" s="51">
        <v>120</v>
      </c>
      <c r="AS27" s="51">
        <v>0</v>
      </c>
      <c r="AT27" s="51">
        <v>177</v>
      </c>
      <c r="AU27" s="51">
        <v>0</v>
      </c>
      <c r="AV27" s="51">
        <v>5</v>
      </c>
      <c r="AW27" s="51">
        <v>0</v>
      </c>
      <c r="AX27" s="51">
        <v>0</v>
      </c>
      <c r="AY27" s="51">
        <v>7987</v>
      </c>
      <c r="AZ27" s="51">
        <v>0</v>
      </c>
      <c r="BA27" s="51">
        <v>3723</v>
      </c>
      <c r="BB27" s="51">
        <v>0</v>
      </c>
      <c r="BC27" s="51">
        <v>0</v>
      </c>
      <c r="BD27" s="51">
        <v>0</v>
      </c>
      <c r="BE27" s="51">
        <v>0</v>
      </c>
      <c r="BF27" s="51">
        <v>0</v>
      </c>
      <c r="BG27" s="51">
        <v>889</v>
      </c>
      <c r="BH27" s="51">
        <v>0</v>
      </c>
      <c r="BI27" s="51">
        <v>0</v>
      </c>
      <c r="BJ27" s="51">
        <v>0</v>
      </c>
      <c r="BK27" s="51">
        <v>15411</v>
      </c>
      <c r="BL27" s="51">
        <v>13801</v>
      </c>
      <c r="BM27" s="51">
        <v>0</v>
      </c>
      <c r="BN27" s="50">
        <v>471961</v>
      </c>
    </row>
    <row r="28" spans="1:66" ht="10" customHeight="1">
      <c r="A28" s="20"/>
      <c r="B28" s="16"/>
      <c r="C28" s="217" t="s">
        <v>112</v>
      </c>
      <c r="D28" s="210"/>
      <c r="E28" s="13"/>
      <c r="F28" s="13"/>
      <c r="G28" s="13"/>
      <c r="H28" s="13"/>
      <c r="I28" s="13"/>
      <c r="J28" s="13"/>
      <c r="K28" s="51">
        <v>1636288</v>
      </c>
      <c r="L28" s="51">
        <v>331981</v>
      </c>
      <c r="M28" s="51">
        <v>199576</v>
      </c>
      <c r="N28" s="51">
        <v>972260</v>
      </c>
      <c r="O28" s="51">
        <v>151340</v>
      </c>
      <c r="P28" s="51">
        <v>329063</v>
      </c>
      <c r="Q28" s="51">
        <v>127324</v>
      </c>
      <c r="R28" s="51">
        <v>0</v>
      </c>
      <c r="S28" s="51">
        <v>106666</v>
      </c>
      <c r="T28" s="51">
        <v>170637</v>
      </c>
      <c r="U28" s="51">
        <v>312512</v>
      </c>
      <c r="V28" s="51">
        <v>160454</v>
      </c>
      <c r="W28" s="51">
        <v>0</v>
      </c>
      <c r="X28" s="51">
        <v>164310</v>
      </c>
      <c r="Y28" s="51">
        <v>0</v>
      </c>
      <c r="Z28" s="51">
        <v>282319</v>
      </c>
      <c r="AA28" s="51">
        <v>276486</v>
      </c>
      <c r="AB28" s="51">
        <v>79406</v>
      </c>
      <c r="AC28" s="51">
        <v>150591</v>
      </c>
      <c r="AD28" s="51">
        <v>166587</v>
      </c>
      <c r="AE28" s="51">
        <v>188432</v>
      </c>
      <c r="AF28" s="51">
        <v>120436</v>
      </c>
      <c r="AG28" s="51">
        <v>120478</v>
      </c>
      <c r="AH28" s="51">
        <v>199118</v>
      </c>
      <c r="AI28" s="51">
        <v>0</v>
      </c>
      <c r="AJ28" s="51">
        <v>125457</v>
      </c>
      <c r="AK28" s="51">
        <v>141111</v>
      </c>
      <c r="AL28" s="51">
        <v>0</v>
      </c>
      <c r="AM28" s="51">
        <v>107995</v>
      </c>
      <c r="AN28" s="51">
        <v>74952</v>
      </c>
      <c r="AO28" s="51">
        <v>97011</v>
      </c>
      <c r="AP28" s="51">
        <v>0</v>
      </c>
      <c r="AQ28" s="51">
        <v>162786</v>
      </c>
      <c r="AR28" s="51">
        <v>0</v>
      </c>
      <c r="AS28" s="51">
        <v>63599</v>
      </c>
      <c r="AT28" s="51">
        <v>73820</v>
      </c>
      <c r="AU28" s="51">
        <v>60698</v>
      </c>
      <c r="AV28" s="51">
        <v>0</v>
      </c>
      <c r="AW28" s="51">
        <v>25558</v>
      </c>
      <c r="AX28" s="51">
        <v>0</v>
      </c>
      <c r="AY28" s="51">
        <v>44562</v>
      </c>
      <c r="AZ28" s="51">
        <v>0</v>
      </c>
      <c r="BA28" s="51">
        <v>0</v>
      </c>
      <c r="BB28" s="51">
        <v>17610</v>
      </c>
      <c r="BC28" s="51">
        <v>17270</v>
      </c>
      <c r="BD28" s="51">
        <v>0</v>
      </c>
      <c r="BE28" s="51">
        <v>0</v>
      </c>
      <c r="BF28" s="51">
        <v>0</v>
      </c>
      <c r="BG28" s="51">
        <v>0</v>
      </c>
      <c r="BH28" s="51">
        <v>0</v>
      </c>
      <c r="BI28" s="51">
        <v>52230</v>
      </c>
      <c r="BJ28" s="51">
        <v>539851</v>
      </c>
      <c r="BK28" s="51">
        <v>150947</v>
      </c>
      <c r="BL28" s="51">
        <v>145964</v>
      </c>
      <c r="BM28" s="51">
        <v>0</v>
      </c>
      <c r="BN28" s="50">
        <v>8147685</v>
      </c>
    </row>
    <row r="29" spans="1:66" ht="10" customHeight="1">
      <c r="A29" s="20"/>
      <c r="B29" s="16"/>
      <c r="C29" s="217" t="s">
        <v>113</v>
      </c>
      <c r="D29" s="210"/>
      <c r="E29" s="13"/>
      <c r="F29" s="13"/>
      <c r="G29" s="13"/>
      <c r="H29" s="13"/>
      <c r="I29" s="13"/>
      <c r="J29" s="13"/>
      <c r="K29" s="51">
        <v>1537147</v>
      </c>
      <c r="L29" s="51">
        <v>222655</v>
      </c>
      <c r="M29" s="51">
        <v>75790</v>
      </c>
      <c r="N29" s="51">
        <v>338987</v>
      </c>
      <c r="O29" s="51">
        <v>58220</v>
      </c>
      <c r="P29" s="51">
        <v>256318</v>
      </c>
      <c r="Q29" s="51">
        <v>81526</v>
      </c>
      <c r="R29" s="51">
        <v>197347</v>
      </c>
      <c r="S29" s="51">
        <v>46772</v>
      </c>
      <c r="T29" s="51">
        <v>74410</v>
      </c>
      <c r="U29" s="51">
        <v>80520</v>
      </c>
      <c r="V29" s="51">
        <v>63137</v>
      </c>
      <c r="W29" s="51">
        <v>103474</v>
      </c>
      <c r="X29" s="51">
        <v>166734</v>
      </c>
      <c r="Y29" s="51">
        <v>186296</v>
      </c>
      <c r="Z29" s="51">
        <v>97982</v>
      </c>
      <c r="AA29" s="51">
        <v>249345</v>
      </c>
      <c r="AB29" s="51">
        <v>66169</v>
      </c>
      <c r="AC29" s="51">
        <v>128673</v>
      </c>
      <c r="AD29" s="51">
        <v>71979</v>
      </c>
      <c r="AE29" s="51">
        <v>34990</v>
      </c>
      <c r="AF29" s="51">
        <v>116125</v>
      </c>
      <c r="AG29" s="51">
        <v>47092</v>
      </c>
      <c r="AH29" s="51">
        <v>56619</v>
      </c>
      <c r="AI29" s="51">
        <v>222498</v>
      </c>
      <c r="AJ29" s="51">
        <v>86201</v>
      </c>
      <c r="AK29" s="51">
        <v>45402</v>
      </c>
      <c r="AL29" s="51">
        <v>336637</v>
      </c>
      <c r="AM29" s="51">
        <v>73146</v>
      </c>
      <c r="AN29" s="51">
        <v>54211</v>
      </c>
      <c r="AO29" s="51">
        <v>51737</v>
      </c>
      <c r="AP29" s="51">
        <v>236225</v>
      </c>
      <c r="AQ29" s="51">
        <v>17919</v>
      </c>
      <c r="AR29" s="51">
        <v>102331</v>
      </c>
      <c r="AS29" s="51">
        <v>53449</v>
      </c>
      <c r="AT29" s="51">
        <v>35882</v>
      </c>
      <c r="AU29" s="51">
        <v>46010</v>
      </c>
      <c r="AV29" s="51">
        <v>41432</v>
      </c>
      <c r="AW29" s="51">
        <v>56232</v>
      </c>
      <c r="AX29" s="51">
        <v>98597</v>
      </c>
      <c r="AY29" s="51">
        <v>41236</v>
      </c>
      <c r="AZ29" s="51">
        <v>45178</v>
      </c>
      <c r="BA29" s="51">
        <v>44025</v>
      </c>
      <c r="BB29" s="51">
        <v>15826</v>
      </c>
      <c r="BC29" s="51">
        <v>29930</v>
      </c>
      <c r="BD29" s="51">
        <v>50319</v>
      </c>
      <c r="BE29" s="51">
        <v>77475</v>
      </c>
      <c r="BF29" s="51">
        <v>74097</v>
      </c>
      <c r="BG29" s="51">
        <v>72651</v>
      </c>
      <c r="BH29" s="51">
        <v>82046</v>
      </c>
      <c r="BI29" s="51">
        <v>59604</v>
      </c>
      <c r="BJ29" s="51">
        <v>375651</v>
      </c>
      <c r="BK29" s="51">
        <v>147399</v>
      </c>
      <c r="BL29" s="51">
        <v>221921</v>
      </c>
      <c r="BM29" s="51">
        <v>263385</v>
      </c>
      <c r="BN29" s="50">
        <v>7516959</v>
      </c>
    </row>
    <row r="30" spans="1:66" ht="10" customHeight="1">
      <c r="A30" s="20"/>
      <c r="B30" s="16"/>
      <c r="C30" s="217" t="s">
        <v>114</v>
      </c>
      <c r="D30" s="210"/>
      <c r="E30" s="13"/>
      <c r="F30" s="13"/>
      <c r="G30" s="13"/>
      <c r="H30" s="13"/>
      <c r="I30" s="13"/>
      <c r="J30" s="13"/>
      <c r="K30" s="51">
        <v>9112846</v>
      </c>
      <c r="L30" s="51">
        <v>1823239</v>
      </c>
      <c r="M30" s="51">
        <v>1737115</v>
      </c>
      <c r="N30" s="51">
        <v>2988055</v>
      </c>
      <c r="O30" s="51">
        <v>597844</v>
      </c>
      <c r="P30" s="51">
        <v>2094063</v>
      </c>
      <c r="Q30" s="51">
        <v>815266</v>
      </c>
      <c r="R30" s="51">
        <v>809826</v>
      </c>
      <c r="S30" s="51">
        <v>620839</v>
      </c>
      <c r="T30" s="51">
        <v>533123</v>
      </c>
      <c r="U30" s="51">
        <v>983511</v>
      </c>
      <c r="V30" s="51">
        <v>989788</v>
      </c>
      <c r="W30" s="51">
        <v>330075</v>
      </c>
      <c r="X30" s="51">
        <v>629737</v>
      </c>
      <c r="Y30" s="51">
        <v>1375325</v>
      </c>
      <c r="Z30" s="51">
        <v>1025106</v>
      </c>
      <c r="AA30" s="51">
        <v>1194400</v>
      </c>
      <c r="AB30" s="51">
        <v>462086</v>
      </c>
      <c r="AC30" s="51">
        <v>686248</v>
      </c>
      <c r="AD30" s="51">
        <v>945036</v>
      </c>
      <c r="AE30" s="51">
        <v>598089</v>
      </c>
      <c r="AF30" s="51">
        <v>443536</v>
      </c>
      <c r="AG30" s="51">
        <v>435469</v>
      </c>
      <c r="AH30" s="51">
        <v>849039</v>
      </c>
      <c r="AI30" s="51">
        <v>1312457</v>
      </c>
      <c r="AJ30" s="51">
        <v>617905</v>
      </c>
      <c r="AK30" s="51">
        <v>413076</v>
      </c>
      <c r="AL30" s="51">
        <v>817708</v>
      </c>
      <c r="AM30" s="51">
        <v>293081</v>
      </c>
      <c r="AN30" s="51">
        <v>318889</v>
      </c>
      <c r="AO30" s="51">
        <v>358094</v>
      </c>
      <c r="AP30" s="51">
        <v>561914</v>
      </c>
      <c r="AQ30" s="51">
        <v>401982</v>
      </c>
      <c r="AR30" s="51">
        <v>287791</v>
      </c>
      <c r="AS30" s="51">
        <v>334983</v>
      </c>
      <c r="AT30" s="51">
        <v>246860</v>
      </c>
      <c r="AU30" s="51">
        <v>254410</v>
      </c>
      <c r="AV30" s="51">
        <v>63340</v>
      </c>
      <c r="AW30" s="51">
        <v>78832</v>
      </c>
      <c r="AX30" s="51">
        <v>171744</v>
      </c>
      <c r="AY30" s="51">
        <v>207620</v>
      </c>
      <c r="AZ30" s="51">
        <v>181684</v>
      </c>
      <c r="BA30" s="51">
        <v>192183</v>
      </c>
      <c r="BB30" s="51">
        <v>86201</v>
      </c>
      <c r="BC30" s="51">
        <v>108293</v>
      </c>
      <c r="BD30" s="51">
        <v>85750</v>
      </c>
      <c r="BE30" s="51">
        <v>86534</v>
      </c>
      <c r="BF30" s="51">
        <v>156369</v>
      </c>
      <c r="BG30" s="51">
        <v>276108</v>
      </c>
      <c r="BH30" s="51">
        <v>264708</v>
      </c>
      <c r="BI30" s="51">
        <v>395187</v>
      </c>
      <c r="BJ30" s="51">
        <v>2327935</v>
      </c>
      <c r="BK30" s="51">
        <v>841696</v>
      </c>
      <c r="BL30" s="51">
        <v>852609</v>
      </c>
      <c r="BM30" s="51">
        <v>1644967</v>
      </c>
      <c r="BN30" s="50">
        <v>46320571</v>
      </c>
    </row>
    <row r="31" spans="1:66" ht="10" customHeight="1">
      <c r="A31" s="20"/>
      <c r="B31" s="16"/>
      <c r="C31" s="217" t="s">
        <v>115</v>
      </c>
      <c r="D31" s="210"/>
      <c r="E31" s="13"/>
      <c r="F31" s="13"/>
      <c r="G31" s="13"/>
      <c r="H31" s="13"/>
      <c r="I31" s="13"/>
      <c r="J31" s="13"/>
      <c r="K31" s="51">
        <v>327483</v>
      </c>
      <c r="L31" s="51">
        <v>67102</v>
      </c>
      <c r="M31" s="51">
        <v>34866</v>
      </c>
      <c r="N31" s="51">
        <v>27594</v>
      </c>
      <c r="O31" s="51">
        <v>23771</v>
      </c>
      <c r="P31" s="51">
        <v>42039</v>
      </c>
      <c r="Q31" s="51">
        <v>12567</v>
      </c>
      <c r="R31" s="51">
        <v>19876</v>
      </c>
      <c r="S31" s="51">
        <v>28888</v>
      </c>
      <c r="T31" s="51">
        <v>47104</v>
      </c>
      <c r="U31" s="51">
        <v>32190</v>
      </c>
      <c r="V31" s="51">
        <v>12265</v>
      </c>
      <c r="W31" s="51">
        <v>1943</v>
      </c>
      <c r="X31" s="51">
        <v>17220</v>
      </c>
      <c r="Y31" s="51">
        <v>11156</v>
      </c>
      <c r="Z31" s="51">
        <v>102313</v>
      </c>
      <c r="AA31" s="51">
        <v>61846</v>
      </c>
      <c r="AB31" s="51">
        <v>25882</v>
      </c>
      <c r="AC31" s="51">
        <v>38011</v>
      </c>
      <c r="AD31" s="51">
        <v>16157</v>
      </c>
      <c r="AE31" s="51">
        <v>26261</v>
      </c>
      <c r="AF31" s="51">
        <v>13093</v>
      </c>
      <c r="AG31" s="51">
        <v>8474</v>
      </c>
      <c r="AH31" s="51">
        <v>33474</v>
      </c>
      <c r="AI31" s="51">
        <v>44420</v>
      </c>
      <c r="AJ31" s="51">
        <v>11410</v>
      </c>
      <c r="AK31" s="51">
        <v>27242</v>
      </c>
      <c r="AL31" s="51">
        <v>9178</v>
      </c>
      <c r="AM31" s="51">
        <v>910</v>
      </c>
      <c r="AN31" s="51">
        <v>31182</v>
      </c>
      <c r="AO31" s="51">
        <v>7229</v>
      </c>
      <c r="AP31" s="51">
        <v>3094</v>
      </c>
      <c r="AQ31" s="51">
        <v>980</v>
      </c>
      <c r="AR31" s="51">
        <v>1202</v>
      </c>
      <c r="AS31" s="51">
        <v>3923</v>
      </c>
      <c r="AT31" s="51">
        <v>16893</v>
      </c>
      <c r="AU31" s="51">
        <v>4312</v>
      </c>
      <c r="AV31" s="51">
        <v>2710</v>
      </c>
      <c r="AW31" s="51">
        <v>0</v>
      </c>
      <c r="AX31" s="51">
        <v>3441</v>
      </c>
      <c r="AY31" s="51">
        <v>4767</v>
      </c>
      <c r="AZ31" s="51">
        <v>180</v>
      </c>
      <c r="BA31" s="51">
        <v>22290</v>
      </c>
      <c r="BB31" s="51">
        <v>226</v>
      </c>
      <c r="BC31" s="51">
        <v>4796</v>
      </c>
      <c r="BD31" s="51">
        <v>6599</v>
      </c>
      <c r="BE31" s="51">
        <v>0</v>
      </c>
      <c r="BF31" s="51">
        <v>43</v>
      </c>
      <c r="BG31" s="51">
        <v>2593</v>
      </c>
      <c r="BH31" s="51">
        <v>6963</v>
      </c>
      <c r="BI31" s="51">
        <v>11306</v>
      </c>
      <c r="BJ31" s="51">
        <v>127750</v>
      </c>
      <c r="BK31" s="51">
        <v>34336</v>
      </c>
      <c r="BL31" s="51">
        <v>25991</v>
      </c>
      <c r="BM31" s="51">
        <v>102294</v>
      </c>
      <c r="BN31" s="50">
        <v>1549835</v>
      </c>
    </row>
    <row r="32" spans="1:66" ht="10" customHeight="1">
      <c r="A32" s="20"/>
      <c r="B32" s="16"/>
      <c r="C32" s="217" t="s">
        <v>116</v>
      </c>
      <c r="D32" s="210"/>
      <c r="E32" s="13"/>
      <c r="F32" s="13"/>
      <c r="G32" s="13"/>
      <c r="H32" s="13"/>
      <c r="I32" s="13"/>
      <c r="J32" s="13"/>
      <c r="K32" s="51">
        <v>0</v>
      </c>
      <c r="L32" s="51">
        <v>0</v>
      </c>
      <c r="M32" s="51">
        <v>0</v>
      </c>
      <c r="N32" s="51">
        <v>0</v>
      </c>
      <c r="O32" s="51">
        <v>0</v>
      </c>
      <c r="P32" s="51">
        <v>0</v>
      </c>
      <c r="Q32" s="51">
        <v>39944</v>
      </c>
      <c r="R32" s="51">
        <v>0</v>
      </c>
      <c r="S32" s="51">
        <v>0</v>
      </c>
      <c r="T32" s="51">
        <v>216</v>
      </c>
      <c r="U32" s="51">
        <v>15520</v>
      </c>
      <c r="V32" s="51">
        <v>0</v>
      </c>
      <c r="W32" s="51">
        <v>0</v>
      </c>
      <c r="X32" s="51">
        <v>0</v>
      </c>
      <c r="Y32" s="51">
        <v>0</v>
      </c>
      <c r="Z32" s="51">
        <v>25356</v>
      </c>
      <c r="AA32" s="51">
        <v>0</v>
      </c>
      <c r="AB32" s="51">
        <v>0</v>
      </c>
      <c r="AC32" s="51">
        <v>0</v>
      </c>
      <c r="AD32" s="51">
        <v>96</v>
      </c>
      <c r="AE32" s="51">
        <v>31</v>
      </c>
      <c r="AF32" s="51">
        <v>0</v>
      </c>
      <c r="AG32" s="51">
        <v>0</v>
      </c>
      <c r="AH32" s="51">
        <v>0</v>
      </c>
      <c r="AI32" s="51">
        <v>0</v>
      </c>
      <c r="AJ32" s="51">
        <v>11449</v>
      </c>
      <c r="AK32" s="51">
        <v>0</v>
      </c>
      <c r="AL32" s="51">
        <v>20507</v>
      </c>
      <c r="AM32" s="51">
        <v>0</v>
      </c>
      <c r="AN32" s="51">
        <v>0</v>
      </c>
      <c r="AO32" s="51">
        <v>0</v>
      </c>
      <c r="AP32" s="51">
        <v>4032</v>
      </c>
      <c r="AQ32" s="51">
        <v>0</v>
      </c>
      <c r="AR32" s="51">
        <v>0</v>
      </c>
      <c r="AS32" s="51">
        <v>0</v>
      </c>
      <c r="AT32" s="51">
        <v>0</v>
      </c>
      <c r="AU32" s="51">
        <v>0</v>
      </c>
      <c r="AV32" s="51">
        <v>6</v>
      </c>
      <c r="AW32" s="51">
        <v>0</v>
      </c>
      <c r="AX32" s="51">
        <v>0</v>
      </c>
      <c r="AY32" s="51">
        <v>0</v>
      </c>
      <c r="AZ32" s="51">
        <v>0</v>
      </c>
      <c r="BA32" s="51">
        <v>0</v>
      </c>
      <c r="BB32" s="51">
        <v>0</v>
      </c>
      <c r="BC32" s="51">
        <v>0</v>
      </c>
      <c r="BD32" s="51">
        <v>0</v>
      </c>
      <c r="BE32" s="51">
        <v>0</v>
      </c>
      <c r="BF32" s="51">
        <v>0</v>
      </c>
      <c r="BG32" s="51">
        <v>0</v>
      </c>
      <c r="BH32" s="51">
        <v>0</v>
      </c>
      <c r="BI32" s="51">
        <v>0</v>
      </c>
      <c r="BJ32" s="51">
        <v>0</v>
      </c>
      <c r="BK32" s="51">
        <v>4858</v>
      </c>
      <c r="BL32" s="51">
        <v>0</v>
      </c>
      <c r="BM32" s="51">
        <v>0</v>
      </c>
      <c r="BN32" s="50">
        <v>122015</v>
      </c>
    </row>
    <row r="33" spans="1:66" ht="10" customHeight="1">
      <c r="A33" s="20"/>
      <c r="B33" s="222" t="s">
        <v>117</v>
      </c>
      <c r="C33" s="219"/>
      <c r="D33" s="220"/>
      <c r="E33" s="13"/>
      <c r="F33" s="13"/>
      <c r="G33" s="13"/>
      <c r="H33" s="13"/>
      <c r="I33" s="13"/>
      <c r="J33" s="13"/>
      <c r="K33" s="51">
        <v>585601</v>
      </c>
      <c r="L33" s="51">
        <v>94273</v>
      </c>
      <c r="M33" s="51">
        <v>160399</v>
      </c>
      <c r="N33" s="51">
        <v>304289</v>
      </c>
      <c r="O33" s="51">
        <v>76077</v>
      </c>
      <c r="P33" s="51">
        <v>87461</v>
      </c>
      <c r="Q33" s="51">
        <v>30538</v>
      </c>
      <c r="R33" s="51">
        <v>79579</v>
      </c>
      <c r="S33" s="51">
        <v>35318</v>
      </c>
      <c r="T33" s="51">
        <v>8013</v>
      </c>
      <c r="U33" s="51">
        <v>83171</v>
      </c>
      <c r="V33" s="51">
        <v>24715</v>
      </c>
      <c r="W33" s="51">
        <v>52688</v>
      </c>
      <c r="X33" s="51">
        <v>19962</v>
      </c>
      <c r="Y33" s="51">
        <v>130966</v>
      </c>
      <c r="Z33" s="51">
        <v>43432</v>
      </c>
      <c r="AA33" s="51">
        <v>23058</v>
      </c>
      <c r="AB33" s="51">
        <v>35289</v>
      </c>
      <c r="AC33" s="51">
        <v>41934</v>
      </c>
      <c r="AD33" s="51">
        <v>34168</v>
      </c>
      <c r="AE33" s="51">
        <v>38742</v>
      </c>
      <c r="AF33" s="51">
        <v>31913</v>
      </c>
      <c r="AG33" s="51">
        <v>3288</v>
      </c>
      <c r="AH33" s="51">
        <v>41201</v>
      </c>
      <c r="AI33" s="51">
        <v>21446</v>
      </c>
      <c r="AJ33" s="51">
        <v>33796</v>
      </c>
      <c r="AK33" s="51">
        <v>17161</v>
      </c>
      <c r="AL33" s="51">
        <v>41301</v>
      </c>
      <c r="AM33" s="51">
        <v>6708</v>
      </c>
      <c r="AN33" s="51">
        <v>13473</v>
      </c>
      <c r="AO33" s="51">
        <v>29293</v>
      </c>
      <c r="AP33" s="51">
        <v>24924</v>
      </c>
      <c r="AQ33" s="51">
        <v>20525</v>
      </c>
      <c r="AR33" s="51">
        <v>16936</v>
      </c>
      <c r="AS33" s="51">
        <v>12143</v>
      </c>
      <c r="AT33" s="51">
        <v>23571</v>
      </c>
      <c r="AU33" s="51">
        <v>14695</v>
      </c>
      <c r="AV33" s="51">
        <v>627</v>
      </c>
      <c r="AW33" s="51">
        <v>5144</v>
      </c>
      <c r="AX33" s="51">
        <v>4133</v>
      </c>
      <c r="AY33" s="51">
        <v>2266</v>
      </c>
      <c r="AZ33" s="51">
        <v>14597</v>
      </c>
      <c r="BA33" s="51">
        <v>18222</v>
      </c>
      <c r="BB33" s="51">
        <v>115</v>
      </c>
      <c r="BC33" s="51">
        <v>11923</v>
      </c>
      <c r="BD33" s="51">
        <v>8760</v>
      </c>
      <c r="BE33" s="51">
        <v>5384</v>
      </c>
      <c r="BF33" s="51">
        <v>14946</v>
      </c>
      <c r="BG33" s="51">
        <v>19016</v>
      </c>
      <c r="BH33" s="51">
        <v>20676</v>
      </c>
      <c r="BI33" s="51">
        <v>11451</v>
      </c>
      <c r="BJ33" s="51">
        <v>121107</v>
      </c>
      <c r="BK33" s="51">
        <v>4154</v>
      </c>
      <c r="BL33" s="51">
        <v>3231</v>
      </c>
      <c r="BM33" s="51">
        <v>86759</v>
      </c>
      <c r="BN33" s="50">
        <v>2694558</v>
      </c>
    </row>
    <row r="34" spans="1:66" ht="10" customHeight="1">
      <c r="A34" s="20"/>
      <c r="B34" s="16"/>
      <c r="C34" s="217" t="s">
        <v>118</v>
      </c>
      <c r="D34" s="210"/>
      <c r="E34" s="13"/>
      <c r="F34" s="13"/>
      <c r="G34" s="13"/>
      <c r="H34" s="13"/>
      <c r="I34" s="13"/>
      <c r="J34" s="13"/>
      <c r="K34" s="51">
        <v>556879</v>
      </c>
      <c r="L34" s="51">
        <v>71813</v>
      </c>
      <c r="M34" s="51">
        <v>152408</v>
      </c>
      <c r="N34" s="51">
        <v>296611</v>
      </c>
      <c r="O34" s="51">
        <v>74525</v>
      </c>
      <c r="P34" s="51">
        <v>82663</v>
      </c>
      <c r="Q34" s="51">
        <v>29945</v>
      </c>
      <c r="R34" s="51">
        <v>79562</v>
      </c>
      <c r="S34" s="51">
        <v>20688</v>
      </c>
      <c r="T34" s="51">
        <v>6131</v>
      </c>
      <c r="U34" s="51">
        <v>73226</v>
      </c>
      <c r="V34" s="51">
        <v>24678</v>
      </c>
      <c r="W34" s="51">
        <v>52562</v>
      </c>
      <c r="X34" s="51">
        <v>17366</v>
      </c>
      <c r="Y34" s="51">
        <v>130933</v>
      </c>
      <c r="Z34" s="51">
        <v>43142</v>
      </c>
      <c r="AA34" s="51">
        <v>21590</v>
      </c>
      <c r="AB34" s="51">
        <v>33393</v>
      </c>
      <c r="AC34" s="51">
        <v>41824</v>
      </c>
      <c r="AD34" s="51">
        <v>34109</v>
      </c>
      <c r="AE34" s="51">
        <v>37626</v>
      </c>
      <c r="AF34" s="51">
        <v>31612</v>
      </c>
      <c r="AG34" s="51">
        <v>2843</v>
      </c>
      <c r="AH34" s="51">
        <v>27613</v>
      </c>
      <c r="AI34" s="51">
        <v>21446</v>
      </c>
      <c r="AJ34" s="51">
        <v>33131</v>
      </c>
      <c r="AK34" s="51">
        <v>5730</v>
      </c>
      <c r="AL34" s="51">
        <v>41258</v>
      </c>
      <c r="AM34" s="51">
        <v>6691</v>
      </c>
      <c r="AN34" s="51">
        <v>13342</v>
      </c>
      <c r="AO34" s="51">
        <v>17594</v>
      </c>
      <c r="AP34" s="51">
        <v>24855</v>
      </c>
      <c r="AQ34" s="51">
        <v>19598</v>
      </c>
      <c r="AR34" s="51">
        <v>16900</v>
      </c>
      <c r="AS34" s="51">
        <v>9391</v>
      </c>
      <c r="AT34" s="51">
        <v>23571</v>
      </c>
      <c r="AU34" s="51">
        <v>14586</v>
      </c>
      <c r="AV34" s="51">
        <v>607</v>
      </c>
      <c r="AW34" s="51">
        <v>5144</v>
      </c>
      <c r="AX34" s="51">
        <v>2915</v>
      </c>
      <c r="AY34" s="51">
        <v>2243</v>
      </c>
      <c r="AZ34" s="51">
        <v>14597</v>
      </c>
      <c r="BA34" s="51">
        <v>17690</v>
      </c>
      <c r="BB34" s="51">
        <v>115</v>
      </c>
      <c r="BC34" s="51">
        <v>6640</v>
      </c>
      <c r="BD34" s="51">
        <v>8746</v>
      </c>
      <c r="BE34" s="51">
        <v>4590</v>
      </c>
      <c r="BF34" s="51">
        <v>13430</v>
      </c>
      <c r="BG34" s="51">
        <v>7702</v>
      </c>
      <c r="BH34" s="51">
        <v>15777</v>
      </c>
      <c r="BI34" s="51">
        <v>11213</v>
      </c>
      <c r="BJ34" s="51">
        <v>120478</v>
      </c>
      <c r="BK34" s="51">
        <v>1410</v>
      </c>
      <c r="BL34" s="51">
        <v>0</v>
      </c>
      <c r="BM34" s="51">
        <v>82503</v>
      </c>
      <c r="BN34" s="50">
        <v>2507635</v>
      </c>
    </row>
    <row r="35" spans="1:66" ht="10" customHeight="1">
      <c r="A35" s="20"/>
      <c r="B35" s="16"/>
      <c r="C35" s="217" t="s">
        <v>119</v>
      </c>
      <c r="D35" s="210"/>
      <c r="E35" s="13"/>
      <c r="F35" s="13"/>
      <c r="G35" s="13"/>
      <c r="H35" s="13"/>
      <c r="I35" s="13"/>
      <c r="J35" s="13"/>
      <c r="K35" s="51">
        <v>0</v>
      </c>
      <c r="L35" s="51">
        <v>0</v>
      </c>
      <c r="M35" s="51">
        <v>0</v>
      </c>
      <c r="N35" s="51">
        <v>0</v>
      </c>
      <c r="O35" s="51">
        <v>0</v>
      </c>
      <c r="P35" s="51">
        <v>0</v>
      </c>
      <c r="Q35" s="51">
        <v>0</v>
      </c>
      <c r="R35" s="51">
        <v>0</v>
      </c>
      <c r="S35" s="51">
        <v>0</v>
      </c>
      <c r="T35" s="51">
        <v>0</v>
      </c>
      <c r="U35" s="51">
        <v>0</v>
      </c>
      <c r="V35" s="51">
        <v>0</v>
      </c>
      <c r="W35" s="51">
        <v>0</v>
      </c>
      <c r="X35" s="51">
        <v>0</v>
      </c>
      <c r="Y35" s="51">
        <v>0</v>
      </c>
      <c r="Z35" s="51">
        <v>0</v>
      </c>
      <c r="AA35" s="51">
        <v>0</v>
      </c>
      <c r="AB35" s="51">
        <v>0</v>
      </c>
      <c r="AC35" s="51">
        <v>0</v>
      </c>
      <c r="AD35" s="51">
        <v>0</v>
      </c>
      <c r="AE35" s="51">
        <v>0</v>
      </c>
      <c r="AF35" s="51">
        <v>0</v>
      </c>
      <c r="AG35" s="51">
        <v>0</v>
      </c>
      <c r="AH35" s="51">
        <v>0</v>
      </c>
      <c r="AI35" s="51">
        <v>0</v>
      </c>
      <c r="AJ35" s="51">
        <v>0</v>
      </c>
      <c r="AK35" s="51">
        <v>0</v>
      </c>
      <c r="AL35" s="51">
        <v>0</v>
      </c>
      <c r="AM35" s="51">
        <v>0</v>
      </c>
      <c r="AN35" s="51">
        <v>0</v>
      </c>
      <c r="AO35" s="51">
        <v>0</v>
      </c>
      <c r="AP35" s="51">
        <v>0</v>
      </c>
      <c r="AQ35" s="51">
        <v>0</v>
      </c>
      <c r="AR35" s="51">
        <v>0</v>
      </c>
      <c r="AS35" s="51">
        <v>0</v>
      </c>
      <c r="AT35" s="51">
        <v>0</v>
      </c>
      <c r="AU35" s="51">
        <v>0</v>
      </c>
      <c r="AV35" s="51">
        <v>0</v>
      </c>
      <c r="AW35" s="51">
        <v>0</v>
      </c>
      <c r="AX35" s="51">
        <v>0</v>
      </c>
      <c r="AY35" s="51">
        <v>0</v>
      </c>
      <c r="AZ35" s="51">
        <v>0</v>
      </c>
      <c r="BA35" s="51">
        <v>0</v>
      </c>
      <c r="BB35" s="51">
        <v>0</v>
      </c>
      <c r="BC35" s="51">
        <v>0</v>
      </c>
      <c r="BD35" s="51">
        <v>0</v>
      </c>
      <c r="BE35" s="51">
        <v>0</v>
      </c>
      <c r="BF35" s="51">
        <v>0</v>
      </c>
      <c r="BG35" s="51">
        <v>0</v>
      </c>
      <c r="BH35" s="51">
        <v>0</v>
      </c>
      <c r="BI35" s="51">
        <v>0</v>
      </c>
      <c r="BJ35" s="51">
        <v>0</v>
      </c>
      <c r="BK35" s="51">
        <v>0</v>
      </c>
      <c r="BL35" s="51">
        <v>0</v>
      </c>
      <c r="BM35" s="51">
        <v>0</v>
      </c>
      <c r="BN35" s="50">
        <v>0</v>
      </c>
    </row>
    <row r="36" spans="1:66" ht="10" customHeight="1">
      <c r="A36" s="20"/>
      <c r="B36" s="16"/>
      <c r="C36" s="217" t="s">
        <v>111</v>
      </c>
      <c r="D36" s="210"/>
      <c r="E36" s="13"/>
      <c r="F36" s="13"/>
      <c r="G36" s="13"/>
      <c r="H36" s="13"/>
      <c r="I36" s="13"/>
      <c r="J36" s="13"/>
      <c r="K36" s="51">
        <v>0</v>
      </c>
      <c r="L36" s="51">
        <v>0</v>
      </c>
      <c r="M36" s="51">
        <v>0</v>
      </c>
      <c r="N36" s="51">
        <v>0</v>
      </c>
      <c r="O36" s="51">
        <v>0</v>
      </c>
      <c r="P36" s="51">
        <v>0</v>
      </c>
      <c r="Q36" s="51">
        <v>0</v>
      </c>
      <c r="R36" s="51">
        <v>0</v>
      </c>
      <c r="S36" s="51">
        <v>0</v>
      </c>
      <c r="T36" s="51">
        <v>0</v>
      </c>
      <c r="U36" s="51">
        <v>0</v>
      </c>
      <c r="V36" s="51">
        <v>0</v>
      </c>
      <c r="W36" s="51">
        <v>0</v>
      </c>
      <c r="X36" s="51">
        <v>0</v>
      </c>
      <c r="Y36" s="51">
        <v>0</v>
      </c>
      <c r="Z36" s="51">
        <v>0</v>
      </c>
      <c r="AA36" s="51">
        <v>0</v>
      </c>
      <c r="AB36" s="51">
        <v>0</v>
      </c>
      <c r="AC36" s="51">
        <v>0</v>
      </c>
      <c r="AD36" s="51">
        <v>0</v>
      </c>
      <c r="AE36" s="51">
        <v>0</v>
      </c>
      <c r="AF36" s="51">
        <v>0</v>
      </c>
      <c r="AG36" s="51">
        <v>0</v>
      </c>
      <c r="AH36" s="51">
        <v>0</v>
      </c>
      <c r="AI36" s="51">
        <v>0</v>
      </c>
      <c r="AJ36" s="51">
        <v>0</v>
      </c>
      <c r="AK36" s="51">
        <v>0</v>
      </c>
      <c r="AL36" s="51">
        <v>0</v>
      </c>
      <c r="AM36" s="51">
        <v>0</v>
      </c>
      <c r="AN36" s="51">
        <v>0</v>
      </c>
      <c r="AO36" s="51">
        <v>0</v>
      </c>
      <c r="AP36" s="51">
        <v>0</v>
      </c>
      <c r="AQ36" s="51">
        <v>0</v>
      </c>
      <c r="AR36" s="51">
        <v>0</v>
      </c>
      <c r="AS36" s="51">
        <v>0</v>
      </c>
      <c r="AT36" s="51">
        <v>0</v>
      </c>
      <c r="AU36" s="51">
        <v>0</v>
      </c>
      <c r="AV36" s="51">
        <v>0</v>
      </c>
      <c r="AW36" s="51">
        <v>0</v>
      </c>
      <c r="AX36" s="51">
        <v>0</v>
      </c>
      <c r="AY36" s="51">
        <v>0</v>
      </c>
      <c r="AZ36" s="51">
        <v>0</v>
      </c>
      <c r="BA36" s="51">
        <v>0</v>
      </c>
      <c r="BB36" s="51">
        <v>0</v>
      </c>
      <c r="BC36" s="51">
        <v>0</v>
      </c>
      <c r="BD36" s="51">
        <v>0</v>
      </c>
      <c r="BE36" s="51">
        <v>0</v>
      </c>
      <c r="BF36" s="51">
        <v>0</v>
      </c>
      <c r="BG36" s="51">
        <v>0</v>
      </c>
      <c r="BH36" s="51">
        <v>0</v>
      </c>
      <c r="BI36" s="51">
        <v>0</v>
      </c>
      <c r="BJ36" s="51">
        <v>0</v>
      </c>
      <c r="BK36" s="51">
        <v>0</v>
      </c>
      <c r="BL36" s="51">
        <v>0</v>
      </c>
      <c r="BM36" s="51">
        <v>0</v>
      </c>
      <c r="BN36" s="50">
        <v>0</v>
      </c>
    </row>
    <row r="37" spans="1:66" ht="10" customHeight="1">
      <c r="A37" s="20"/>
      <c r="B37" s="16"/>
      <c r="C37" s="217" t="s">
        <v>120</v>
      </c>
      <c r="D37" s="210"/>
      <c r="E37" s="13"/>
      <c r="F37" s="13"/>
      <c r="G37" s="13"/>
      <c r="H37" s="13"/>
      <c r="I37" s="13"/>
      <c r="J37" s="13"/>
      <c r="K37" s="51">
        <v>0</v>
      </c>
      <c r="L37" s="51">
        <v>0</v>
      </c>
      <c r="M37" s="51">
        <v>0</v>
      </c>
      <c r="N37" s="51">
        <v>0</v>
      </c>
      <c r="O37" s="51">
        <v>0</v>
      </c>
      <c r="P37" s="51">
        <v>0</v>
      </c>
      <c r="Q37" s="51">
        <v>0</v>
      </c>
      <c r="R37" s="51">
        <v>0</v>
      </c>
      <c r="S37" s="51">
        <v>0</v>
      </c>
      <c r="T37" s="51">
        <v>0</v>
      </c>
      <c r="U37" s="51">
        <v>0</v>
      </c>
      <c r="V37" s="51">
        <v>0</v>
      </c>
      <c r="W37" s="51">
        <v>0</v>
      </c>
      <c r="X37" s="51">
        <v>0</v>
      </c>
      <c r="Y37" s="51">
        <v>0</v>
      </c>
      <c r="Z37" s="51">
        <v>0</v>
      </c>
      <c r="AA37" s="51">
        <v>0</v>
      </c>
      <c r="AB37" s="51">
        <v>0</v>
      </c>
      <c r="AC37" s="51">
        <v>0</v>
      </c>
      <c r="AD37" s="51">
        <v>0</v>
      </c>
      <c r="AE37" s="51">
        <v>0</v>
      </c>
      <c r="AF37" s="51">
        <v>0</v>
      </c>
      <c r="AG37" s="51">
        <v>0</v>
      </c>
      <c r="AH37" s="51">
        <v>0</v>
      </c>
      <c r="AI37" s="51">
        <v>0</v>
      </c>
      <c r="AJ37" s="51">
        <v>0</v>
      </c>
      <c r="AK37" s="51">
        <v>0</v>
      </c>
      <c r="AL37" s="51">
        <v>0</v>
      </c>
      <c r="AM37" s="51">
        <v>0</v>
      </c>
      <c r="AN37" s="51">
        <v>0</v>
      </c>
      <c r="AO37" s="51">
        <v>0</v>
      </c>
      <c r="AP37" s="51">
        <v>0</v>
      </c>
      <c r="AQ37" s="51">
        <v>0</v>
      </c>
      <c r="AR37" s="51">
        <v>0</v>
      </c>
      <c r="AS37" s="51">
        <v>0</v>
      </c>
      <c r="AT37" s="51">
        <v>0</v>
      </c>
      <c r="AU37" s="51">
        <v>0</v>
      </c>
      <c r="AV37" s="51">
        <v>0</v>
      </c>
      <c r="AW37" s="51">
        <v>0</v>
      </c>
      <c r="AX37" s="51">
        <v>0</v>
      </c>
      <c r="AY37" s="51">
        <v>0</v>
      </c>
      <c r="AZ37" s="51">
        <v>0</v>
      </c>
      <c r="BA37" s="51">
        <v>0</v>
      </c>
      <c r="BB37" s="51">
        <v>0</v>
      </c>
      <c r="BC37" s="51">
        <v>0</v>
      </c>
      <c r="BD37" s="51">
        <v>0</v>
      </c>
      <c r="BE37" s="51">
        <v>0</v>
      </c>
      <c r="BF37" s="51">
        <v>0</v>
      </c>
      <c r="BG37" s="51">
        <v>0</v>
      </c>
      <c r="BH37" s="51">
        <v>0</v>
      </c>
      <c r="BI37" s="51">
        <v>0</v>
      </c>
      <c r="BJ37" s="51">
        <v>0</v>
      </c>
      <c r="BK37" s="51">
        <v>0</v>
      </c>
      <c r="BL37" s="51">
        <v>0</v>
      </c>
      <c r="BM37" s="51">
        <v>0</v>
      </c>
      <c r="BN37" s="50">
        <v>0</v>
      </c>
    </row>
    <row r="38" spans="1:66" ht="10" customHeight="1">
      <c r="A38" s="20"/>
      <c r="B38" s="16"/>
      <c r="C38" s="217" t="s">
        <v>121</v>
      </c>
      <c r="D38" s="210"/>
      <c r="E38" s="13"/>
      <c r="F38" s="13"/>
      <c r="G38" s="13"/>
      <c r="H38" s="13"/>
      <c r="I38" s="13"/>
      <c r="J38" s="13"/>
      <c r="K38" s="51">
        <v>28722</v>
      </c>
      <c r="L38" s="51">
        <v>22460</v>
      </c>
      <c r="M38" s="51">
        <v>7991</v>
      </c>
      <c r="N38" s="51">
        <v>7678</v>
      </c>
      <c r="O38" s="51">
        <v>1552</v>
      </c>
      <c r="P38" s="51">
        <v>4798</v>
      </c>
      <c r="Q38" s="51">
        <v>593</v>
      </c>
      <c r="R38" s="51">
        <v>17</v>
      </c>
      <c r="S38" s="51">
        <v>14630</v>
      </c>
      <c r="T38" s="51">
        <v>1882</v>
      </c>
      <c r="U38" s="51">
        <v>9945</v>
      </c>
      <c r="V38" s="51">
        <v>37</v>
      </c>
      <c r="W38" s="51">
        <v>126</v>
      </c>
      <c r="X38" s="51">
        <v>2596</v>
      </c>
      <c r="Y38" s="51">
        <v>33</v>
      </c>
      <c r="Z38" s="51">
        <v>290</v>
      </c>
      <c r="AA38" s="51">
        <v>1468</v>
      </c>
      <c r="AB38" s="51">
        <v>1896</v>
      </c>
      <c r="AC38" s="51">
        <v>110</v>
      </c>
      <c r="AD38" s="51">
        <v>59</v>
      </c>
      <c r="AE38" s="51">
        <v>1116</v>
      </c>
      <c r="AF38" s="51">
        <v>301</v>
      </c>
      <c r="AG38" s="51">
        <v>445</v>
      </c>
      <c r="AH38" s="51">
        <v>13588</v>
      </c>
      <c r="AI38" s="51">
        <v>0</v>
      </c>
      <c r="AJ38" s="51">
        <v>665</v>
      </c>
      <c r="AK38" s="51">
        <v>11431</v>
      </c>
      <c r="AL38" s="51">
        <v>43</v>
      </c>
      <c r="AM38" s="51">
        <v>17</v>
      </c>
      <c r="AN38" s="51">
        <v>131</v>
      </c>
      <c r="AO38" s="51">
        <v>11699</v>
      </c>
      <c r="AP38" s="51">
        <v>69</v>
      </c>
      <c r="AQ38" s="51">
        <v>927</v>
      </c>
      <c r="AR38" s="51">
        <v>36</v>
      </c>
      <c r="AS38" s="51">
        <v>2752</v>
      </c>
      <c r="AT38" s="51">
        <v>0</v>
      </c>
      <c r="AU38" s="51">
        <v>109</v>
      </c>
      <c r="AV38" s="51">
        <v>20</v>
      </c>
      <c r="AW38" s="51">
        <v>0</v>
      </c>
      <c r="AX38" s="51">
        <v>1218</v>
      </c>
      <c r="AY38" s="51">
        <v>23</v>
      </c>
      <c r="AZ38" s="51">
        <v>0</v>
      </c>
      <c r="BA38" s="51">
        <v>532</v>
      </c>
      <c r="BB38" s="51">
        <v>0</v>
      </c>
      <c r="BC38" s="51">
        <v>5283</v>
      </c>
      <c r="BD38" s="51">
        <v>14</v>
      </c>
      <c r="BE38" s="51">
        <v>794</v>
      </c>
      <c r="BF38" s="51">
        <v>1516</v>
      </c>
      <c r="BG38" s="51">
        <v>11314</v>
      </c>
      <c r="BH38" s="51">
        <v>4899</v>
      </c>
      <c r="BI38" s="51">
        <v>238</v>
      </c>
      <c r="BJ38" s="51">
        <v>629</v>
      </c>
      <c r="BK38" s="51">
        <v>2744</v>
      </c>
      <c r="BL38" s="51">
        <v>3231</v>
      </c>
      <c r="BM38" s="51">
        <v>4256</v>
      </c>
      <c r="BN38" s="50">
        <v>186923</v>
      </c>
    </row>
    <row r="39" spans="1:66" ht="10" customHeight="1">
      <c r="A39" s="20"/>
      <c r="B39" s="222" t="s">
        <v>122</v>
      </c>
      <c r="C39" s="219"/>
      <c r="D39" s="220"/>
      <c r="E39" s="13"/>
      <c r="F39" s="13"/>
      <c r="G39" s="13"/>
      <c r="H39" s="13"/>
      <c r="I39" s="13"/>
      <c r="J39" s="13"/>
      <c r="K39" s="51">
        <v>1517</v>
      </c>
      <c r="L39" s="51">
        <v>1474</v>
      </c>
      <c r="M39" s="51">
        <v>0</v>
      </c>
      <c r="N39" s="51">
        <v>32435</v>
      </c>
      <c r="O39" s="51">
        <v>363</v>
      </c>
      <c r="P39" s="51">
        <v>0</v>
      </c>
      <c r="Q39" s="51">
        <v>277</v>
      </c>
      <c r="R39" s="51">
        <v>0</v>
      </c>
      <c r="S39" s="51">
        <v>563</v>
      </c>
      <c r="T39" s="51">
        <v>0</v>
      </c>
      <c r="U39" s="51">
        <v>1697</v>
      </c>
      <c r="V39" s="51">
        <v>318</v>
      </c>
      <c r="W39" s="51">
        <v>248</v>
      </c>
      <c r="X39" s="51">
        <v>0</v>
      </c>
      <c r="Y39" s="51">
        <v>1672</v>
      </c>
      <c r="Z39" s="51">
        <v>0</v>
      </c>
      <c r="AA39" s="51">
        <v>793</v>
      </c>
      <c r="AB39" s="51">
        <v>202</v>
      </c>
      <c r="AC39" s="51">
        <v>162</v>
      </c>
      <c r="AD39" s="51">
        <v>407</v>
      </c>
      <c r="AE39" s="51">
        <v>68807</v>
      </c>
      <c r="AF39" s="51">
        <v>0</v>
      </c>
      <c r="AG39" s="51">
        <v>44</v>
      </c>
      <c r="AH39" s="51">
        <v>799</v>
      </c>
      <c r="AI39" s="51">
        <v>811</v>
      </c>
      <c r="AJ39" s="51">
        <v>478</v>
      </c>
      <c r="AK39" s="51">
        <v>367</v>
      </c>
      <c r="AL39" s="51">
        <v>592</v>
      </c>
      <c r="AM39" s="51">
        <v>0</v>
      </c>
      <c r="AN39" s="51">
        <v>482</v>
      </c>
      <c r="AO39" s="51">
        <v>28</v>
      </c>
      <c r="AP39" s="51">
        <v>2960</v>
      </c>
      <c r="AQ39" s="51">
        <v>0</v>
      </c>
      <c r="AR39" s="51">
        <v>0</v>
      </c>
      <c r="AS39" s="51">
        <v>76</v>
      </c>
      <c r="AT39" s="51">
        <v>15</v>
      </c>
      <c r="AU39" s="51">
        <v>309</v>
      </c>
      <c r="AV39" s="51">
        <v>34</v>
      </c>
      <c r="AW39" s="51">
        <v>0</v>
      </c>
      <c r="AX39" s="51">
        <v>40</v>
      </c>
      <c r="AY39" s="51">
        <v>0</v>
      </c>
      <c r="AZ39" s="51">
        <v>267</v>
      </c>
      <c r="BA39" s="51">
        <v>0</v>
      </c>
      <c r="BB39" s="51">
        <v>0</v>
      </c>
      <c r="BC39" s="51">
        <v>72</v>
      </c>
      <c r="BD39" s="51">
        <v>145</v>
      </c>
      <c r="BE39" s="51">
        <v>76</v>
      </c>
      <c r="BF39" s="51">
        <v>0</v>
      </c>
      <c r="BG39" s="51">
        <v>59</v>
      </c>
      <c r="BH39" s="51">
        <v>3</v>
      </c>
      <c r="BI39" s="51">
        <v>96</v>
      </c>
      <c r="BJ39" s="51">
        <v>4312</v>
      </c>
      <c r="BK39" s="51">
        <v>0</v>
      </c>
      <c r="BL39" s="51">
        <v>1031</v>
      </c>
      <c r="BM39" s="51">
        <v>101</v>
      </c>
      <c r="BN39" s="50">
        <v>124132</v>
      </c>
    </row>
    <row r="40" spans="1:66" ht="10" customHeight="1">
      <c r="A40" s="20"/>
      <c r="B40" s="16"/>
      <c r="C40" s="217" t="s">
        <v>123</v>
      </c>
      <c r="D40" s="210"/>
      <c r="E40" s="13"/>
      <c r="F40" s="13"/>
      <c r="G40" s="13"/>
      <c r="H40" s="13"/>
      <c r="I40" s="13"/>
      <c r="J40" s="13"/>
      <c r="K40" s="51">
        <v>0</v>
      </c>
      <c r="L40" s="51">
        <v>0</v>
      </c>
      <c r="M40" s="51">
        <v>0</v>
      </c>
      <c r="N40" s="51">
        <v>0</v>
      </c>
      <c r="O40" s="51">
        <v>0</v>
      </c>
      <c r="P40" s="51">
        <v>0</v>
      </c>
      <c r="Q40" s="51">
        <v>0</v>
      </c>
      <c r="R40" s="51">
        <v>0</v>
      </c>
      <c r="S40" s="51">
        <v>0</v>
      </c>
      <c r="T40" s="51">
        <v>0</v>
      </c>
      <c r="U40" s="51">
        <v>0</v>
      </c>
      <c r="V40" s="51">
        <v>0</v>
      </c>
      <c r="W40" s="51">
        <v>0</v>
      </c>
      <c r="X40" s="51">
        <v>0</v>
      </c>
      <c r="Y40" s="51">
        <v>0</v>
      </c>
      <c r="Z40" s="51">
        <v>0</v>
      </c>
      <c r="AA40" s="51">
        <v>0</v>
      </c>
      <c r="AB40" s="51">
        <v>0</v>
      </c>
      <c r="AC40" s="51">
        <v>0</v>
      </c>
      <c r="AD40" s="51">
        <v>0</v>
      </c>
      <c r="AE40" s="51">
        <v>0</v>
      </c>
      <c r="AF40" s="51">
        <v>0</v>
      </c>
      <c r="AG40" s="51">
        <v>0</v>
      </c>
      <c r="AH40" s="51">
        <v>0</v>
      </c>
      <c r="AI40" s="51">
        <v>0</v>
      </c>
      <c r="AJ40" s="51">
        <v>0</v>
      </c>
      <c r="AK40" s="51">
        <v>0</v>
      </c>
      <c r="AL40" s="51">
        <v>0</v>
      </c>
      <c r="AM40" s="51">
        <v>0</v>
      </c>
      <c r="AN40" s="51">
        <v>0</v>
      </c>
      <c r="AO40" s="51">
        <v>0</v>
      </c>
      <c r="AP40" s="51">
        <v>0</v>
      </c>
      <c r="AQ40" s="51">
        <v>0</v>
      </c>
      <c r="AR40" s="51">
        <v>0</v>
      </c>
      <c r="AS40" s="51">
        <v>0</v>
      </c>
      <c r="AT40" s="51">
        <v>0</v>
      </c>
      <c r="AU40" s="51">
        <v>0</v>
      </c>
      <c r="AV40" s="51">
        <v>0</v>
      </c>
      <c r="AW40" s="51">
        <v>0</v>
      </c>
      <c r="AX40" s="51">
        <v>0</v>
      </c>
      <c r="AY40" s="51">
        <v>0</v>
      </c>
      <c r="AZ40" s="51">
        <v>0</v>
      </c>
      <c r="BA40" s="51">
        <v>0</v>
      </c>
      <c r="BB40" s="51">
        <v>0</v>
      </c>
      <c r="BC40" s="51">
        <v>0</v>
      </c>
      <c r="BD40" s="51">
        <v>0</v>
      </c>
      <c r="BE40" s="51">
        <v>0</v>
      </c>
      <c r="BF40" s="51">
        <v>0</v>
      </c>
      <c r="BG40" s="51">
        <v>0</v>
      </c>
      <c r="BH40" s="51">
        <v>0</v>
      </c>
      <c r="BI40" s="51">
        <v>0</v>
      </c>
      <c r="BJ40" s="51">
        <v>0</v>
      </c>
      <c r="BK40" s="51">
        <v>0</v>
      </c>
      <c r="BL40" s="51">
        <v>0</v>
      </c>
      <c r="BM40" s="51">
        <v>0</v>
      </c>
      <c r="BN40" s="50">
        <v>0</v>
      </c>
    </row>
    <row r="41" spans="1:66" ht="10" customHeight="1">
      <c r="A41" s="20"/>
      <c r="B41" s="16"/>
      <c r="C41" s="222" t="s">
        <v>98</v>
      </c>
      <c r="D41" s="220"/>
      <c r="E41" s="13"/>
      <c r="F41" s="13"/>
      <c r="G41" s="13"/>
      <c r="H41" s="13"/>
      <c r="I41" s="13"/>
      <c r="J41" s="13"/>
      <c r="K41" s="51">
        <v>1517</v>
      </c>
      <c r="L41" s="51">
        <v>1474</v>
      </c>
      <c r="M41" s="51">
        <v>0</v>
      </c>
      <c r="N41" s="51">
        <v>32435</v>
      </c>
      <c r="O41" s="51">
        <v>363</v>
      </c>
      <c r="P41" s="51">
        <v>0</v>
      </c>
      <c r="Q41" s="51">
        <v>277</v>
      </c>
      <c r="R41" s="51">
        <v>0</v>
      </c>
      <c r="S41" s="51">
        <v>563</v>
      </c>
      <c r="T41" s="51">
        <v>0</v>
      </c>
      <c r="U41" s="51">
        <v>1697</v>
      </c>
      <c r="V41" s="51">
        <v>318</v>
      </c>
      <c r="W41" s="51">
        <v>248</v>
      </c>
      <c r="X41" s="51">
        <v>0</v>
      </c>
      <c r="Y41" s="51">
        <v>1672</v>
      </c>
      <c r="Z41" s="51">
        <v>0</v>
      </c>
      <c r="AA41" s="51">
        <v>793</v>
      </c>
      <c r="AB41" s="51">
        <v>202</v>
      </c>
      <c r="AC41" s="51">
        <v>162</v>
      </c>
      <c r="AD41" s="51">
        <v>407</v>
      </c>
      <c r="AE41" s="51">
        <v>68807</v>
      </c>
      <c r="AF41" s="51">
        <v>0</v>
      </c>
      <c r="AG41" s="51">
        <v>44</v>
      </c>
      <c r="AH41" s="51">
        <v>799</v>
      </c>
      <c r="AI41" s="51">
        <v>811</v>
      </c>
      <c r="AJ41" s="51">
        <v>478</v>
      </c>
      <c r="AK41" s="51">
        <v>367</v>
      </c>
      <c r="AL41" s="51">
        <v>592</v>
      </c>
      <c r="AM41" s="51">
        <v>0</v>
      </c>
      <c r="AN41" s="51">
        <v>482</v>
      </c>
      <c r="AO41" s="51">
        <v>28</v>
      </c>
      <c r="AP41" s="51">
        <v>2960</v>
      </c>
      <c r="AQ41" s="51">
        <v>0</v>
      </c>
      <c r="AR41" s="51">
        <v>0</v>
      </c>
      <c r="AS41" s="51">
        <v>76</v>
      </c>
      <c r="AT41" s="51">
        <v>15</v>
      </c>
      <c r="AU41" s="51">
        <v>309</v>
      </c>
      <c r="AV41" s="51">
        <v>34</v>
      </c>
      <c r="AW41" s="51">
        <v>0</v>
      </c>
      <c r="AX41" s="51">
        <v>40</v>
      </c>
      <c r="AY41" s="51">
        <v>0</v>
      </c>
      <c r="AZ41" s="51">
        <v>267</v>
      </c>
      <c r="BA41" s="51">
        <v>0</v>
      </c>
      <c r="BB41" s="51">
        <v>0</v>
      </c>
      <c r="BC41" s="51">
        <v>72</v>
      </c>
      <c r="BD41" s="51">
        <v>145</v>
      </c>
      <c r="BE41" s="51">
        <v>76</v>
      </c>
      <c r="BF41" s="51">
        <v>0</v>
      </c>
      <c r="BG41" s="51">
        <v>59</v>
      </c>
      <c r="BH41" s="51">
        <v>3</v>
      </c>
      <c r="BI41" s="51">
        <v>96</v>
      </c>
      <c r="BJ41" s="51">
        <v>4312</v>
      </c>
      <c r="BK41" s="51">
        <v>0</v>
      </c>
      <c r="BL41" s="51">
        <v>1031</v>
      </c>
      <c r="BM41" s="51">
        <v>101</v>
      </c>
      <c r="BN41" s="50">
        <v>124132</v>
      </c>
    </row>
    <row r="42" spans="1:66" ht="10" customHeight="1">
      <c r="A42" s="216" t="s">
        <v>124</v>
      </c>
      <c r="B42" s="209"/>
      <c r="C42" s="209"/>
      <c r="D42" s="210"/>
      <c r="E42" s="13"/>
      <c r="F42" s="13"/>
      <c r="G42" s="13"/>
      <c r="H42" s="13"/>
      <c r="I42" s="13"/>
      <c r="J42" s="13"/>
      <c r="K42" s="51">
        <v>4197848</v>
      </c>
      <c r="L42" s="51">
        <v>455788</v>
      </c>
      <c r="M42" s="51">
        <v>574383</v>
      </c>
      <c r="N42" s="51">
        <v>1855818</v>
      </c>
      <c r="O42" s="51">
        <v>160818</v>
      </c>
      <c r="P42" s="51">
        <v>221881</v>
      </c>
      <c r="Q42" s="51">
        <v>0</v>
      </c>
      <c r="R42" s="51">
        <v>238415</v>
      </c>
      <c r="S42" s="51">
        <v>0</v>
      </c>
      <c r="T42" s="51">
        <v>0</v>
      </c>
      <c r="U42" s="51">
        <v>13058</v>
      </c>
      <c r="V42" s="51">
        <v>219230</v>
      </c>
      <c r="W42" s="51">
        <v>102317</v>
      </c>
      <c r="X42" s="51">
        <v>87269</v>
      </c>
      <c r="Y42" s="51">
        <v>90908</v>
      </c>
      <c r="Z42" s="51">
        <v>311764</v>
      </c>
      <c r="AA42" s="51">
        <v>93424</v>
      </c>
      <c r="AB42" s="51">
        <v>96854</v>
      </c>
      <c r="AC42" s="51">
        <v>133272</v>
      </c>
      <c r="AD42" s="51">
        <v>221615</v>
      </c>
      <c r="AE42" s="51">
        <v>480534</v>
      </c>
      <c r="AF42" s="51">
        <v>49399</v>
      </c>
      <c r="AG42" s="51">
        <v>91008</v>
      </c>
      <c r="AH42" s="51">
        <v>73459</v>
      </c>
      <c r="AI42" s="51">
        <v>486187</v>
      </c>
      <c r="AJ42" s="51">
        <v>253431</v>
      </c>
      <c r="AK42" s="51">
        <v>241863</v>
      </c>
      <c r="AL42" s="51">
        <v>322290</v>
      </c>
      <c r="AM42" s="51">
        <v>69292</v>
      </c>
      <c r="AN42" s="51">
        <v>13888</v>
      </c>
      <c r="AO42" s="51">
        <v>0</v>
      </c>
      <c r="AP42" s="51">
        <v>142246</v>
      </c>
      <c r="AQ42" s="51">
        <v>288638</v>
      </c>
      <c r="AR42" s="51">
        <v>173500</v>
      </c>
      <c r="AS42" s="51">
        <v>74639</v>
      </c>
      <c r="AT42" s="51">
        <v>127</v>
      </c>
      <c r="AU42" s="51">
        <v>120990</v>
      </c>
      <c r="AV42" s="51">
        <v>19744</v>
      </c>
      <c r="AW42" s="51">
        <v>1991</v>
      </c>
      <c r="AX42" s="51">
        <v>55368</v>
      </c>
      <c r="AY42" s="51">
        <v>27324</v>
      </c>
      <c r="AZ42" s="51">
        <v>0</v>
      </c>
      <c r="BA42" s="51">
        <v>61555</v>
      </c>
      <c r="BB42" s="51">
        <v>0</v>
      </c>
      <c r="BC42" s="51">
        <v>54768</v>
      </c>
      <c r="BD42" s="51">
        <v>29261</v>
      </c>
      <c r="BE42" s="51">
        <v>8444</v>
      </c>
      <c r="BF42" s="51">
        <v>123413</v>
      </c>
      <c r="BG42" s="51">
        <v>61256</v>
      </c>
      <c r="BH42" s="51">
        <v>82795</v>
      </c>
      <c r="BI42" s="51">
        <v>0</v>
      </c>
      <c r="BJ42" s="51">
        <v>889621</v>
      </c>
      <c r="BK42" s="51">
        <v>150935</v>
      </c>
      <c r="BL42" s="51">
        <v>53057</v>
      </c>
      <c r="BM42" s="51">
        <v>0</v>
      </c>
      <c r="BN42" s="50">
        <v>13575685</v>
      </c>
    </row>
    <row r="43" spans="1:66" ht="10" customHeight="1">
      <c r="A43" s="216" t="s">
        <v>571</v>
      </c>
      <c r="B43" s="209"/>
      <c r="C43" s="209"/>
      <c r="D43" s="210"/>
      <c r="E43" s="13"/>
      <c r="F43" s="13"/>
      <c r="G43" s="13"/>
      <c r="H43" s="13"/>
      <c r="I43" s="13"/>
      <c r="J43" s="13"/>
      <c r="K43" s="75">
        <v>0</v>
      </c>
      <c r="L43" s="75">
        <v>0</v>
      </c>
      <c r="M43" s="75">
        <v>0</v>
      </c>
      <c r="N43" s="75">
        <v>0</v>
      </c>
      <c r="O43" s="75">
        <v>0</v>
      </c>
      <c r="P43" s="75">
        <v>0</v>
      </c>
      <c r="Q43" s="75">
        <v>32160</v>
      </c>
      <c r="R43" s="75">
        <v>0</v>
      </c>
      <c r="S43" s="75">
        <v>20844</v>
      </c>
      <c r="T43" s="75">
        <v>9115</v>
      </c>
      <c r="U43" s="75">
        <v>0</v>
      </c>
      <c r="V43" s="75">
        <v>0</v>
      </c>
      <c r="W43" s="75">
        <v>0</v>
      </c>
      <c r="X43" s="75">
        <v>0</v>
      </c>
      <c r="Y43" s="75">
        <v>0</v>
      </c>
      <c r="Z43" s="75">
        <v>0</v>
      </c>
      <c r="AA43" s="75">
        <v>0</v>
      </c>
      <c r="AB43" s="75">
        <v>0</v>
      </c>
      <c r="AC43" s="75">
        <v>0</v>
      </c>
      <c r="AD43" s="75">
        <v>0</v>
      </c>
      <c r="AE43" s="75">
        <v>0</v>
      </c>
      <c r="AF43" s="75">
        <v>0</v>
      </c>
      <c r="AG43" s="75">
        <v>0</v>
      </c>
      <c r="AH43" s="75">
        <v>0</v>
      </c>
      <c r="AI43" s="75">
        <v>0</v>
      </c>
      <c r="AJ43" s="75">
        <v>0</v>
      </c>
      <c r="AK43" s="75">
        <v>0</v>
      </c>
      <c r="AL43" s="75">
        <v>0</v>
      </c>
      <c r="AM43" s="75">
        <v>0</v>
      </c>
      <c r="AN43" s="75">
        <v>0</v>
      </c>
      <c r="AO43" s="75">
        <v>14546</v>
      </c>
      <c r="AP43" s="75">
        <v>0</v>
      </c>
      <c r="AQ43" s="75">
        <v>0</v>
      </c>
      <c r="AR43" s="75">
        <v>0</v>
      </c>
      <c r="AS43" s="75">
        <v>0</v>
      </c>
      <c r="AT43" s="75">
        <v>0</v>
      </c>
      <c r="AU43" s="75">
        <v>0</v>
      </c>
      <c r="AV43" s="75">
        <v>0</v>
      </c>
      <c r="AW43" s="75">
        <v>0</v>
      </c>
      <c r="AX43" s="75">
        <v>0</v>
      </c>
      <c r="AY43" s="75">
        <v>0</v>
      </c>
      <c r="AZ43" s="75">
        <v>15402</v>
      </c>
      <c r="BA43" s="75">
        <v>0</v>
      </c>
      <c r="BB43" s="75">
        <v>18019</v>
      </c>
      <c r="BC43" s="75">
        <v>0</v>
      </c>
      <c r="BD43" s="75">
        <v>0</v>
      </c>
      <c r="BE43" s="75">
        <v>0</v>
      </c>
      <c r="BF43" s="75">
        <v>0</v>
      </c>
      <c r="BG43" s="75">
        <v>0</v>
      </c>
      <c r="BH43" s="75">
        <v>0</v>
      </c>
      <c r="BI43" s="75">
        <v>13420</v>
      </c>
      <c r="BJ43" s="75">
        <v>0</v>
      </c>
      <c r="BK43" s="75">
        <v>0</v>
      </c>
      <c r="BL43" s="75">
        <v>0</v>
      </c>
      <c r="BM43" s="75">
        <v>27985</v>
      </c>
      <c r="BN43" s="76">
        <v>151491</v>
      </c>
    </row>
    <row r="44" spans="1:66" ht="10" customHeight="1">
      <c r="A44" s="238" t="s">
        <v>125</v>
      </c>
      <c r="B44" s="239"/>
      <c r="C44" s="239"/>
      <c r="D44" s="240"/>
      <c r="E44" s="13"/>
      <c r="F44" s="13"/>
      <c r="G44" s="13"/>
      <c r="H44" s="13"/>
      <c r="I44" s="13"/>
      <c r="J44" s="13"/>
      <c r="K44" s="51">
        <v>4209474</v>
      </c>
      <c r="L44" s="51">
        <v>454344</v>
      </c>
      <c r="M44" s="51">
        <v>574383</v>
      </c>
      <c r="N44" s="51">
        <v>1876673</v>
      </c>
      <c r="O44" s="51">
        <v>160455</v>
      </c>
      <c r="P44" s="51">
        <v>249208</v>
      </c>
      <c r="Q44" s="51">
        <v>0</v>
      </c>
      <c r="R44" s="51">
        <v>238415</v>
      </c>
      <c r="S44" s="51">
        <v>0</v>
      </c>
      <c r="T44" s="51">
        <v>0</v>
      </c>
      <c r="U44" s="51">
        <v>46139</v>
      </c>
      <c r="V44" s="51">
        <v>219713</v>
      </c>
      <c r="W44" s="51">
        <v>102069</v>
      </c>
      <c r="X44" s="51">
        <v>87269</v>
      </c>
      <c r="Y44" s="51">
        <v>90188</v>
      </c>
      <c r="Z44" s="51">
        <v>315675</v>
      </c>
      <c r="AA44" s="51">
        <v>92796</v>
      </c>
      <c r="AB44" s="51">
        <v>96911</v>
      </c>
      <c r="AC44" s="51">
        <v>134195</v>
      </c>
      <c r="AD44" s="51">
        <v>222358</v>
      </c>
      <c r="AE44" s="51">
        <v>421221</v>
      </c>
      <c r="AF44" s="51">
        <v>49597</v>
      </c>
      <c r="AG44" s="51">
        <v>91061</v>
      </c>
      <c r="AH44" s="51">
        <v>74045</v>
      </c>
      <c r="AI44" s="51">
        <v>485533</v>
      </c>
      <c r="AJ44" s="51">
        <v>253024</v>
      </c>
      <c r="AK44" s="51">
        <v>242257</v>
      </c>
      <c r="AL44" s="51">
        <v>322098</v>
      </c>
      <c r="AM44" s="51">
        <v>69292</v>
      </c>
      <c r="AN44" s="51">
        <v>13406</v>
      </c>
      <c r="AO44" s="51">
        <v>0</v>
      </c>
      <c r="AP44" s="51">
        <v>139410</v>
      </c>
      <c r="AQ44" s="51">
        <v>295880</v>
      </c>
      <c r="AR44" s="51">
        <v>173500</v>
      </c>
      <c r="AS44" s="51">
        <v>74563</v>
      </c>
      <c r="AT44" s="51">
        <v>112</v>
      </c>
      <c r="AU44" s="51">
        <v>120681</v>
      </c>
      <c r="AV44" s="51">
        <v>19710</v>
      </c>
      <c r="AW44" s="51">
        <v>1991</v>
      </c>
      <c r="AX44" s="51">
        <v>55328</v>
      </c>
      <c r="AY44" s="51">
        <v>32987</v>
      </c>
      <c r="AZ44" s="51">
        <v>0</v>
      </c>
      <c r="BA44" s="51">
        <v>61737</v>
      </c>
      <c r="BB44" s="51">
        <v>0</v>
      </c>
      <c r="BC44" s="51">
        <v>54696</v>
      </c>
      <c r="BD44" s="51">
        <v>29116</v>
      </c>
      <c r="BE44" s="51">
        <v>8368</v>
      </c>
      <c r="BF44" s="51">
        <v>123413</v>
      </c>
      <c r="BG44" s="51">
        <v>61722</v>
      </c>
      <c r="BH44" s="51">
        <v>82792</v>
      </c>
      <c r="BI44" s="51">
        <v>0</v>
      </c>
      <c r="BJ44" s="51">
        <v>896993</v>
      </c>
      <c r="BK44" s="51">
        <v>150935</v>
      </c>
      <c r="BL44" s="51">
        <v>62971</v>
      </c>
      <c r="BM44" s="51">
        <v>0</v>
      </c>
      <c r="BN44" s="50">
        <v>13638704</v>
      </c>
    </row>
    <row r="45" spans="1:66" ht="10" customHeight="1">
      <c r="A45" s="218" t="s">
        <v>572</v>
      </c>
      <c r="B45" s="219"/>
      <c r="C45" s="219"/>
      <c r="D45" s="220"/>
      <c r="E45" s="13"/>
      <c r="F45" s="13"/>
      <c r="G45" s="13"/>
      <c r="H45" s="13"/>
      <c r="I45" s="13"/>
      <c r="J45" s="13"/>
      <c r="K45" s="75">
        <v>0</v>
      </c>
      <c r="L45" s="75">
        <v>0</v>
      </c>
      <c r="M45" s="75">
        <v>0</v>
      </c>
      <c r="N45" s="75">
        <v>0</v>
      </c>
      <c r="O45" s="75">
        <v>0</v>
      </c>
      <c r="P45" s="75">
        <v>0</v>
      </c>
      <c r="Q45" s="75">
        <v>31309</v>
      </c>
      <c r="R45" s="75">
        <v>0</v>
      </c>
      <c r="S45" s="75">
        <v>21407</v>
      </c>
      <c r="T45" s="75">
        <v>9115</v>
      </c>
      <c r="U45" s="75">
        <v>0</v>
      </c>
      <c r="V45" s="75">
        <v>0</v>
      </c>
      <c r="W45" s="75">
        <v>0</v>
      </c>
      <c r="X45" s="75">
        <v>0</v>
      </c>
      <c r="Y45" s="75">
        <v>0</v>
      </c>
      <c r="Z45" s="75">
        <v>0</v>
      </c>
      <c r="AA45" s="75">
        <v>0</v>
      </c>
      <c r="AB45" s="75">
        <v>0</v>
      </c>
      <c r="AC45" s="75">
        <v>0</v>
      </c>
      <c r="AD45" s="75">
        <v>0</v>
      </c>
      <c r="AE45" s="75">
        <v>0</v>
      </c>
      <c r="AF45" s="75">
        <v>0</v>
      </c>
      <c r="AG45" s="75">
        <v>0</v>
      </c>
      <c r="AH45" s="75">
        <v>0</v>
      </c>
      <c r="AI45" s="75">
        <v>0</v>
      </c>
      <c r="AJ45" s="75">
        <v>0</v>
      </c>
      <c r="AK45" s="75">
        <v>0</v>
      </c>
      <c r="AL45" s="75">
        <v>0</v>
      </c>
      <c r="AM45" s="75">
        <v>0</v>
      </c>
      <c r="AN45" s="75">
        <v>0</v>
      </c>
      <c r="AO45" s="75">
        <v>14574</v>
      </c>
      <c r="AP45" s="75">
        <v>0</v>
      </c>
      <c r="AQ45" s="75">
        <v>0</v>
      </c>
      <c r="AR45" s="75">
        <v>0</v>
      </c>
      <c r="AS45" s="75">
        <v>0</v>
      </c>
      <c r="AT45" s="75">
        <v>0</v>
      </c>
      <c r="AU45" s="75">
        <v>0</v>
      </c>
      <c r="AV45" s="75">
        <v>0</v>
      </c>
      <c r="AW45" s="75">
        <v>0</v>
      </c>
      <c r="AX45" s="75">
        <v>0</v>
      </c>
      <c r="AY45" s="75">
        <v>0</v>
      </c>
      <c r="AZ45" s="75">
        <v>15668</v>
      </c>
      <c r="BA45" s="75">
        <v>0</v>
      </c>
      <c r="BB45" s="75">
        <v>18019</v>
      </c>
      <c r="BC45" s="75">
        <v>0</v>
      </c>
      <c r="BD45" s="75">
        <v>0</v>
      </c>
      <c r="BE45" s="75">
        <v>0</v>
      </c>
      <c r="BF45" s="75">
        <v>0</v>
      </c>
      <c r="BG45" s="75">
        <v>0</v>
      </c>
      <c r="BH45" s="75">
        <v>0</v>
      </c>
      <c r="BI45" s="75">
        <v>13516</v>
      </c>
      <c r="BJ45" s="75">
        <v>0</v>
      </c>
      <c r="BK45" s="75">
        <v>0</v>
      </c>
      <c r="BL45" s="75">
        <v>0</v>
      </c>
      <c r="BM45" s="75">
        <v>27682</v>
      </c>
      <c r="BN45" s="76">
        <v>151290</v>
      </c>
    </row>
    <row r="46" spans="1:66" ht="10" customHeight="1">
      <c r="A46" s="216" t="s">
        <v>126</v>
      </c>
      <c r="B46" s="209"/>
      <c r="C46" s="209"/>
      <c r="D46" s="210"/>
      <c r="E46" s="13"/>
      <c r="F46" s="13"/>
      <c r="G46" s="13"/>
      <c r="H46" s="13"/>
      <c r="I46" s="13"/>
      <c r="J46" s="13"/>
      <c r="K46" s="51">
        <v>0</v>
      </c>
      <c r="L46" s="51">
        <v>1316647</v>
      </c>
      <c r="M46" s="51">
        <v>1746889</v>
      </c>
      <c r="N46" s="51">
        <v>3987</v>
      </c>
      <c r="O46" s="51">
        <v>28355</v>
      </c>
      <c r="P46" s="51">
        <v>460545</v>
      </c>
      <c r="Q46" s="51">
        <v>0</v>
      </c>
      <c r="R46" s="51">
        <v>397924</v>
      </c>
      <c r="S46" s="51">
        <v>195000</v>
      </c>
      <c r="T46" s="51">
        <v>0</v>
      </c>
      <c r="U46" s="51">
        <v>0</v>
      </c>
      <c r="V46" s="51">
        <v>0</v>
      </c>
      <c r="W46" s="51">
        <v>895849</v>
      </c>
      <c r="X46" s="51">
        <v>0</v>
      </c>
      <c r="Y46" s="51">
        <v>52449</v>
      </c>
      <c r="Z46" s="51">
        <v>11023</v>
      </c>
      <c r="AA46" s="51">
        <v>0</v>
      </c>
      <c r="AB46" s="51">
        <v>50178</v>
      </c>
      <c r="AC46" s="51">
        <v>0</v>
      </c>
      <c r="AD46" s="51">
        <v>0</v>
      </c>
      <c r="AE46" s="51">
        <v>0</v>
      </c>
      <c r="AF46" s="51">
        <v>275174</v>
      </c>
      <c r="AG46" s="51">
        <v>66559</v>
      </c>
      <c r="AH46" s="51">
        <v>364462</v>
      </c>
      <c r="AI46" s="51">
        <v>0</v>
      </c>
      <c r="AJ46" s="51">
        <v>0</v>
      </c>
      <c r="AK46" s="51">
        <v>31431</v>
      </c>
      <c r="AL46" s="51">
        <v>282044</v>
      </c>
      <c r="AM46" s="51">
        <v>0</v>
      </c>
      <c r="AN46" s="51">
        <v>55245</v>
      </c>
      <c r="AO46" s="51">
        <v>0</v>
      </c>
      <c r="AP46" s="51">
        <v>0</v>
      </c>
      <c r="AQ46" s="51">
        <v>864348</v>
      </c>
      <c r="AR46" s="51">
        <v>0</v>
      </c>
      <c r="AS46" s="51">
        <v>0</v>
      </c>
      <c r="AT46" s="51">
        <v>1154</v>
      </c>
      <c r="AU46" s="51">
        <v>939</v>
      </c>
      <c r="AV46" s="51">
        <v>381367</v>
      </c>
      <c r="AW46" s="51">
        <v>212371</v>
      </c>
      <c r="AX46" s="51">
        <v>73</v>
      </c>
      <c r="AY46" s="51">
        <v>85216</v>
      </c>
      <c r="AZ46" s="51">
        <v>1101943</v>
      </c>
      <c r="BA46" s="51">
        <v>157854</v>
      </c>
      <c r="BB46" s="51">
        <v>-8938</v>
      </c>
      <c r="BC46" s="51">
        <v>267534</v>
      </c>
      <c r="BD46" s="51">
        <v>152291</v>
      </c>
      <c r="BE46" s="51">
        <v>0</v>
      </c>
      <c r="BF46" s="51">
        <v>134460</v>
      </c>
      <c r="BG46" s="51">
        <v>0</v>
      </c>
      <c r="BH46" s="51">
        <v>0</v>
      </c>
      <c r="BI46" s="51">
        <v>0</v>
      </c>
      <c r="BJ46" s="51">
        <v>0</v>
      </c>
      <c r="BK46" s="51">
        <v>30</v>
      </c>
      <c r="BL46" s="51">
        <v>0</v>
      </c>
      <c r="BM46" s="51">
        <v>295721</v>
      </c>
      <c r="BN46" s="50">
        <v>9880124</v>
      </c>
    </row>
    <row r="47" spans="1:66" ht="10" customHeight="1">
      <c r="A47" s="216" t="s">
        <v>133</v>
      </c>
      <c r="B47" s="209"/>
      <c r="C47" s="209"/>
      <c r="D47" s="210"/>
      <c r="E47" s="13"/>
      <c r="F47" s="13"/>
      <c r="G47" s="13"/>
      <c r="H47" s="13"/>
      <c r="I47" s="13"/>
      <c r="J47" s="13"/>
      <c r="K47" s="51">
        <v>4259098</v>
      </c>
      <c r="L47" s="51">
        <v>500000</v>
      </c>
      <c r="M47" s="51">
        <v>1200000</v>
      </c>
      <c r="N47" s="51">
        <v>2080000</v>
      </c>
      <c r="O47" s="51">
        <v>350000</v>
      </c>
      <c r="P47" s="51">
        <v>18977</v>
      </c>
      <c r="Q47" s="51">
        <v>116703</v>
      </c>
      <c r="R47" s="51">
        <v>307281</v>
      </c>
      <c r="S47" s="51">
        <v>50000</v>
      </c>
      <c r="T47" s="51">
        <v>90612</v>
      </c>
      <c r="U47" s="51">
        <v>83930</v>
      </c>
      <c r="V47" s="51">
        <v>372342</v>
      </c>
      <c r="W47" s="51">
        <v>0</v>
      </c>
      <c r="X47" s="51">
        <v>180000</v>
      </c>
      <c r="Y47" s="51">
        <v>0</v>
      </c>
      <c r="Z47" s="51">
        <v>300000</v>
      </c>
      <c r="AA47" s="51">
        <v>774618</v>
      </c>
      <c r="AB47" s="51">
        <v>214000</v>
      </c>
      <c r="AC47" s="51">
        <v>177206</v>
      </c>
      <c r="AD47" s="51">
        <v>207101</v>
      </c>
      <c r="AE47" s="51">
        <v>407204</v>
      </c>
      <c r="AF47" s="51">
        <v>0</v>
      </c>
      <c r="AG47" s="51">
        <v>6576</v>
      </c>
      <c r="AH47" s="51">
        <v>130000</v>
      </c>
      <c r="AI47" s="51">
        <v>229114</v>
      </c>
      <c r="AJ47" s="51">
        <v>112285</v>
      </c>
      <c r="AK47" s="51">
        <v>210000</v>
      </c>
      <c r="AL47" s="51">
        <v>0</v>
      </c>
      <c r="AM47" s="51">
        <v>223845</v>
      </c>
      <c r="AN47" s="51">
        <v>0</v>
      </c>
      <c r="AO47" s="51">
        <v>90702</v>
      </c>
      <c r="AP47" s="51">
        <v>64741</v>
      </c>
      <c r="AQ47" s="51">
        <v>183466</v>
      </c>
      <c r="AR47" s="51">
        <v>236406</v>
      </c>
      <c r="AS47" s="51">
        <v>82958</v>
      </c>
      <c r="AT47" s="51">
        <v>0</v>
      </c>
      <c r="AU47" s="51">
        <v>134000</v>
      </c>
      <c r="AV47" s="51">
        <v>0</v>
      </c>
      <c r="AW47" s="51">
        <v>0</v>
      </c>
      <c r="AX47" s="51">
        <v>52037</v>
      </c>
      <c r="AY47" s="51">
        <v>0</v>
      </c>
      <c r="AZ47" s="51">
        <v>0</v>
      </c>
      <c r="BA47" s="51">
        <v>0</v>
      </c>
      <c r="BB47" s="51">
        <v>874</v>
      </c>
      <c r="BC47" s="51">
        <v>50000</v>
      </c>
      <c r="BD47" s="51">
        <v>0</v>
      </c>
      <c r="BE47" s="51">
        <v>33012</v>
      </c>
      <c r="BF47" s="51">
        <v>49726</v>
      </c>
      <c r="BG47" s="51">
        <v>47135</v>
      </c>
      <c r="BH47" s="51">
        <v>114300</v>
      </c>
      <c r="BI47" s="51">
        <v>0</v>
      </c>
      <c r="BJ47" s="51">
        <v>961180</v>
      </c>
      <c r="BK47" s="51">
        <v>215555</v>
      </c>
      <c r="BL47" s="51">
        <v>210491</v>
      </c>
      <c r="BM47" s="51">
        <v>306840</v>
      </c>
      <c r="BN47" s="50">
        <v>15434315</v>
      </c>
    </row>
    <row r="48" spans="1:66" ht="10" customHeight="1">
      <c r="A48" s="216" t="s">
        <v>127</v>
      </c>
      <c r="B48" s="209"/>
      <c r="C48" s="209"/>
      <c r="D48" s="210"/>
      <c r="E48" s="13"/>
      <c r="F48" s="13"/>
      <c r="G48" s="13"/>
      <c r="H48" s="13"/>
      <c r="I48" s="13"/>
      <c r="J48" s="13"/>
      <c r="K48" s="51">
        <v>8468572</v>
      </c>
      <c r="L48" s="51">
        <v>2270991</v>
      </c>
      <c r="M48" s="51">
        <v>3521272</v>
      </c>
      <c r="N48" s="51">
        <v>3960660</v>
      </c>
      <c r="O48" s="51">
        <v>538810</v>
      </c>
      <c r="P48" s="51">
        <v>728730</v>
      </c>
      <c r="Q48" s="51">
        <v>85394</v>
      </c>
      <c r="R48" s="51">
        <v>943620</v>
      </c>
      <c r="S48" s="51">
        <v>223593</v>
      </c>
      <c r="T48" s="51">
        <v>81497</v>
      </c>
      <c r="U48" s="51">
        <v>130069</v>
      </c>
      <c r="V48" s="51">
        <v>592055</v>
      </c>
      <c r="W48" s="51">
        <v>997918</v>
      </c>
      <c r="X48" s="51">
        <v>267269</v>
      </c>
      <c r="Y48" s="51">
        <v>142637</v>
      </c>
      <c r="Z48" s="51">
        <v>626698</v>
      </c>
      <c r="AA48" s="51">
        <v>867414</v>
      </c>
      <c r="AB48" s="51">
        <v>361089</v>
      </c>
      <c r="AC48" s="51">
        <v>311401</v>
      </c>
      <c r="AD48" s="51">
        <v>429459</v>
      </c>
      <c r="AE48" s="51">
        <v>828425</v>
      </c>
      <c r="AF48" s="51">
        <v>324771</v>
      </c>
      <c r="AG48" s="51">
        <v>164196</v>
      </c>
      <c r="AH48" s="51">
        <v>568507</v>
      </c>
      <c r="AI48" s="51">
        <v>714647</v>
      </c>
      <c r="AJ48" s="51">
        <v>365309</v>
      </c>
      <c r="AK48" s="51">
        <v>483688</v>
      </c>
      <c r="AL48" s="51">
        <v>604142</v>
      </c>
      <c r="AM48" s="51">
        <v>293137</v>
      </c>
      <c r="AN48" s="51">
        <v>68651</v>
      </c>
      <c r="AO48" s="51">
        <v>76128</v>
      </c>
      <c r="AP48" s="51">
        <v>204151</v>
      </c>
      <c r="AQ48" s="51">
        <v>1343694</v>
      </c>
      <c r="AR48" s="51">
        <v>409906</v>
      </c>
      <c r="AS48" s="51">
        <v>157521</v>
      </c>
      <c r="AT48" s="51">
        <v>1266</v>
      </c>
      <c r="AU48" s="51">
        <v>255620</v>
      </c>
      <c r="AV48" s="51">
        <v>401077</v>
      </c>
      <c r="AW48" s="51">
        <v>214362</v>
      </c>
      <c r="AX48" s="51">
        <v>107438</v>
      </c>
      <c r="AY48" s="51">
        <v>118203</v>
      </c>
      <c r="AZ48" s="51">
        <v>1086275</v>
      </c>
      <c r="BA48" s="51">
        <v>219591</v>
      </c>
      <c r="BB48" s="51">
        <v>-26083</v>
      </c>
      <c r="BC48" s="51">
        <v>372230</v>
      </c>
      <c r="BD48" s="51">
        <v>181407</v>
      </c>
      <c r="BE48" s="51">
        <v>41380</v>
      </c>
      <c r="BF48" s="51">
        <v>307599</v>
      </c>
      <c r="BG48" s="51">
        <v>108857</v>
      </c>
      <c r="BH48" s="51">
        <v>197092</v>
      </c>
      <c r="BI48" s="51">
        <v>-13516</v>
      </c>
      <c r="BJ48" s="51">
        <v>1858173</v>
      </c>
      <c r="BK48" s="51">
        <v>366520</v>
      </c>
      <c r="BL48" s="51">
        <v>273462</v>
      </c>
      <c r="BM48" s="51">
        <v>574879</v>
      </c>
      <c r="BN48" s="50">
        <v>38801853</v>
      </c>
    </row>
    <row r="49" spans="1:66" ht="10" customHeight="1">
      <c r="A49" s="238" t="s">
        <v>128</v>
      </c>
      <c r="B49" s="239"/>
      <c r="C49" s="239"/>
      <c r="D49" s="240"/>
      <c r="E49" s="13"/>
      <c r="F49" s="13"/>
      <c r="G49" s="13"/>
      <c r="H49" s="13"/>
      <c r="I49" s="13"/>
      <c r="J49" s="13"/>
      <c r="K49" s="51">
        <v>0</v>
      </c>
      <c r="L49" s="51">
        <v>0</v>
      </c>
      <c r="M49" s="51">
        <v>0</v>
      </c>
      <c r="N49" s="51">
        <v>0</v>
      </c>
      <c r="O49" s="51">
        <v>0</v>
      </c>
      <c r="P49" s="51">
        <v>0</v>
      </c>
      <c r="Q49" s="51">
        <v>0</v>
      </c>
      <c r="R49" s="51">
        <v>0</v>
      </c>
      <c r="S49" s="51">
        <v>0</v>
      </c>
      <c r="T49" s="51">
        <v>0</v>
      </c>
      <c r="U49" s="51">
        <v>0</v>
      </c>
      <c r="V49" s="51">
        <v>0</v>
      </c>
      <c r="W49" s="51">
        <v>0</v>
      </c>
      <c r="X49" s="51">
        <v>0</v>
      </c>
      <c r="Y49" s="51">
        <v>0</v>
      </c>
      <c r="Z49" s="51">
        <v>0</v>
      </c>
      <c r="AA49" s="51">
        <v>0</v>
      </c>
      <c r="AB49" s="51">
        <v>0</v>
      </c>
      <c r="AC49" s="51">
        <v>0</v>
      </c>
      <c r="AD49" s="51">
        <v>0</v>
      </c>
      <c r="AE49" s="51">
        <v>0</v>
      </c>
      <c r="AF49" s="51">
        <v>0</v>
      </c>
      <c r="AG49" s="51">
        <v>0</v>
      </c>
      <c r="AH49" s="51">
        <v>0</v>
      </c>
      <c r="AI49" s="51">
        <v>0</v>
      </c>
      <c r="AJ49" s="51">
        <v>0</v>
      </c>
      <c r="AK49" s="51">
        <v>0</v>
      </c>
      <c r="AL49" s="51">
        <v>0</v>
      </c>
      <c r="AM49" s="51">
        <v>0</v>
      </c>
      <c r="AN49" s="51">
        <v>0</v>
      </c>
      <c r="AO49" s="51">
        <v>0</v>
      </c>
      <c r="AP49" s="51">
        <v>0</v>
      </c>
      <c r="AQ49" s="51">
        <v>0</v>
      </c>
      <c r="AR49" s="51">
        <v>0</v>
      </c>
      <c r="AS49" s="51">
        <v>0</v>
      </c>
      <c r="AT49" s="51">
        <v>0</v>
      </c>
      <c r="AU49" s="51">
        <v>0</v>
      </c>
      <c r="AV49" s="51">
        <v>0</v>
      </c>
      <c r="AW49" s="51">
        <v>0</v>
      </c>
      <c r="AX49" s="51">
        <v>0</v>
      </c>
      <c r="AY49" s="51">
        <v>0</v>
      </c>
      <c r="AZ49" s="51">
        <v>0</v>
      </c>
      <c r="BA49" s="51">
        <v>0</v>
      </c>
      <c r="BB49" s="51">
        <v>0</v>
      </c>
      <c r="BC49" s="51">
        <v>0</v>
      </c>
      <c r="BD49" s="51">
        <v>0</v>
      </c>
      <c r="BE49" s="51">
        <v>0</v>
      </c>
      <c r="BF49" s="51">
        <v>0</v>
      </c>
      <c r="BG49" s="51">
        <v>0</v>
      </c>
      <c r="BH49" s="51">
        <v>0</v>
      </c>
      <c r="BI49" s="51">
        <v>0</v>
      </c>
      <c r="BJ49" s="51">
        <v>0</v>
      </c>
      <c r="BK49" s="51">
        <v>0</v>
      </c>
      <c r="BL49" s="51">
        <v>0</v>
      </c>
      <c r="BM49" s="51">
        <v>0</v>
      </c>
      <c r="BN49" s="50">
        <v>0</v>
      </c>
    </row>
    <row r="50" spans="1:66" ht="10" customHeight="1">
      <c r="A50" s="216" t="s">
        <v>129</v>
      </c>
      <c r="B50" s="209"/>
      <c r="C50" s="209"/>
      <c r="D50" s="210"/>
      <c r="E50" s="13"/>
      <c r="F50" s="13"/>
      <c r="G50" s="13"/>
      <c r="H50" s="13"/>
      <c r="I50" s="13"/>
      <c r="J50" s="13"/>
      <c r="K50" s="51">
        <v>0</v>
      </c>
      <c r="L50" s="51">
        <v>0</v>
      </c>
      <c r="M50" s="51">
        <v>0</v>
      </c>
      <c r="N50" s="51">
        <v>0</v>
      </c>
      <c r="O50" s="51">
        <v>0</v>
      </c>
      <c r="P50" s="51">
        <v>0</v>
      </c>
      <c r="Q50" s="51">
        <v>0</v>
      </c>
      <c r="R50" s="51">
        <v>0</v>
      </c>
      <c r="S50" s="51">
        <v>0</v>
      </c>
      <c r="T50" s="51">
        <v>0</v>
      </c>
      <c r="U50" s="51">
        <v>0</v>
      </c>
      <c r="V50" s="51">
        <v>0</v>
      </c>
      <c r="W50" s="51">
        <v>0</v>
      </c>
      <c r="X50" s="51">
        <v>0</v>
      </c>
      <c r="Y50" s="51">
        <v>0</v>
      </c>
      <c r="Z50" s="51">
        <v>0</v>
      </c>
      <c r="AA50" s="51">
        <v>0</v>
      </c>
      <c r="AB50" s="51">
        <v>0</v>
      </c>
      <c r="AC50" s="51">
        <v>0</v>
      </c>
      <c r="AD50" s="51">
        <v>0</v>
      </c>
      <c r="AE50" s="51">
        <v>0</v>
      </c>
      <c r="AF50" s="51">
        <v>0</v>
      </c>
      <c r="AG50" s="51">
        <v>0</v>
      </c>
      <c r="AH50" s="51">
        <v>0</v>
      </c>
      <c r="AI50" s="51">
        <v>0</v>
      </c>
      <c r="AJ50" s="51">
        <v>0</v>
      </c>
      <c r="AK50" s="51">
        <v>0</v>
      </c>
      <c r="AL50" s="51">
        <v>0</v>
      </c>
      <c r="AM50" s="51">
        <v>0</v>
      </c>
      <c r="AN50" s="51">
        <v>0</v>
      </c>
      <c r="AO50" s="51">
        <v>0</v>
      </c>
      <c r="AP50" s="51">
        <v>0</v>
      </c>
      <c r="AQ50" s="51">
        <v>0</v>
      </c>
      <c r="AR50" s="51">
        <v>0</v>
      </c>
      <c r="AS50" s="51">
        <v>0</v>
      </c>
      <c r="AT50" s="51">
        <v>0</v>
      </c>
      <c r="AU50" s="51">
        <v>0</v>
      </c>
      <c r="AV50" s="51">
        <v>0</v>
      </c>
      <c r="AW50" s="51">
        <v>0</v>
      </c>
      <c r="AX50" s="51">
        <v>0</v>
      </c>
      <c r="AY50" s="51">
        <v>0</v>
      </c>
      <c r="AZ50" s="51">
        <v>0</v>
      </c>
      <c r="BA50" s="51">
        <v>0</v>
      </c>
      <c r="BB50" s="51">
        <v>0</v>
      </c>
      <c r="BC50" s="51">
        <v>0</v>
      </c>
      <c r="BD50" s="51">
        <v>0</v>
      </c>
      <c r="BE50" s="51">
        <v>0</v>
      </c>
      <c r="BF50" s="51">
        <v>0</v>
      </c>
      <c r="BG50" s="51">
        <v>0</v>
      </c>
      <c r="BH50" s="51">
        <v>0</v>
      </c>
      <c r="BI50" s="51">
        <v>0</v>
      </c>
      <c r="BJ50" s="51">
        <v>0</v>
      </c>
      <c r="BK50" s="51">
        <v>0</v>
      </c>
      <c r="BL50" s="51">
        <v>0</v>
      </c>
      <c r="BM50" s="51">
        <v>0</v>
      </c>
      <c r="BN50" s="50">
        <v>0</v>
      </c>
    </row>
    <row r="51" spans="1:66" ht="10" customHeight="1">
      <c r="A51" s="218" t="s">
        <v>134</v>
      </c>
      <c r="B51" s="219"/>
      <c r="C51" s="219"/>
      <c r="D51" s="220"/>
      <c r="E51" s="13"/>
      <c r="F51" s="13"/>
      <c r="G51" s="13"/>
      <c r="H51" s="13"/>
      <c r="I51" s="13"/>
      <c r="J51" s="13"/>
      <c r="K51" s="51">
        <v>85647</v>
      </c>
      <c r="L51" s="51">
        <v>36718</v>
      </c>
      <c r="M51" s="51">
        <v>35971</v>
      </c>
      <c r="N51" s="51">
        <v>55391</v>
      </c>
      <c r="O51" s="51">
        <v>4840</v>
      </c>
      <c r="P51" s="51">
        <v>11262</v>
      </c>
      <c r="Q51" s="51">
        <v>14467</v>
      </c>
      <c r="R51" s="51">
        <v>19982</v>
      </c>
      <c r="S51" s="51">
        <v>3552</v>
      </c>
      <c r="T51" s="51">
        <v>10413</v>
      </c>
      <c r="U51" s="51">
        <v>20525</v>
      </c>
      <c r="V51" s="51">
        <v>6921</v>
      </c>
      <c r="W51" s="51">
        <v>4984</v>
      </c>
      <c r="X51" s="51">
        <v>18399</v>
      </c>
      <c r="Y51" s="51">
        <v>16387</v>
      </c>
      <c r="Z51" s="51">
        <v>8788</v>
      </c>
      <c r="AA51" s="51">
        <v>8884</v>
      </c>
      <c r="AB51" s="51">
        <v>11873</v>
      </c>
      <c r="AC51" s="51">
        <v>9695</v>
      </c>
      <c r="AD51" s="51">
        <v>15663</v>
      </c>
      <c r="AE51" s="51">
        <v>146865</v>
      </c>
      <c r="AF51" s="51">
        <v>2167</v>
      </c>
      <c r="AG51" s="51">
        <v>11500</v>
      </c>
      <c r="AH51" s="51">
        <v>43257</v>
      </c>
      <c r="AI51" s="51">
        <v>7823</v>
      </c>
      <c r="AJ51" s="51">
        <v>12653</v>
      </c>
      <c r="AK51" s="51">
        <v>4715</v>
      </c>
      <c r="AL51" s="51">
        <v>754</v>
      </c>
      <c r="AM51" s="51">
        <v>1279</v>
      </c>
      <c r="AN51" s="51">
        <v>3866</v>
      </c>
      <c r="AO51" s="51">
        <v>5033</v>
      </c>
      <c r="AP51" s="51">
        <v>1346</v>
      </c>
      <c r="AQ51" s="51">
        <v>5043</v>
      </c>
      <c r="AR51" s="51">
        <v>3102</v>
      </c>
      <c r="AS51" s="51">
        <v>1258</v>
      </c>
      <c r="AT51" s="51">
        <v>3206</v>
      </c>
      <c r="AU51" s="51">
        <v>1832</v>
      </c>
      <c r="AV51" s="51">
        <v>2161</v>
      </c>
      <c r="AW51" s="51">
        <v>0</v>
      </c>
      <c r="AX51" s="51">
        <v>870</v>
      </c>
      <c r="AY51" s="51">
        <v>4782</v>
      </c>
      <c r="AZ51" s="51">
        <v>1825</v>
      </c>
      <c r="BA51" s="51">
        <v>2259</v>
      </c>
      <c r="BB51" s="51">
        <v>1630</v>
      </c>
      <c r="BC51" s="51">
        <v>121590</v>
      </c>
      <c r="BD51" s="51">
        <v>74300</v>
      </c>
      <c r="BE51" s="51">
        <v>5375</v>
      </c>
      <c r="BF51" s="51">
        <v>6102</v>
      </c>
      <c r="BG51" s="51">
        <v>3936</v>
      </c>
      <c r="BH51" s="51">
        <v>754</v>
      </c>
      <c r="BI51" s="51">
        <v>5303</v>
      </c>
      <c r="BJ51" s="51">
        <v>15570</v>
      </c>
      <c r="BK51" s="51">
        <v>3513</v>
      </c>
      <c r="BL51" s="51">
        <v>27474</v>
      </c>
      <c r="BM51" s="51">
        <v>391341</v>
      </c>
      <c r="BN51" s="50">
        <v>1324846</v>
      </c>
    </row>
    <row r="52" spans="1:66" ht="10" customHeight="1">
      <c r="A52" s="20"/>
      <c r="B52" s="208" t="s">
        <v>135</v>
      </c>
      <c r="C52" s="209"/>
      <c r="D52" s="210"/>
      <c r="E52" s="13"/>
      <c r="F52" s="13"/>
      <c r="G52" s="13"/>
      <c r="H52" s="13"/>
      <c r="I52" s="13"/>
      <c r="J52" s="13"/>
      <c r="K52" s="51">
        <v>85647</v>
      </c>
      <c r="L52" s="51">
        <v>36718</v>
      </c>
      <c r="M52" s="51">
        <v>35258</v>
      </c>
      <c r="N52" s="51">
        <v>55391</v>
      </c>
      <c r="O52" s="51">
        <v>4840</v>
      </c>
      <c r="P52" s="51">
        <v>11262</v>
      </c>
      <c r="Q52" s="51">
        <v>5070</v>
      </c>
      <c r="R52" s="51">
        <v>19982</v>
      </c>
      <c r="S52" s="51">
        <v>3552</v>
      </c>
      <c r="T52" s="51">
        <v>10413</v>
      </c>
      <c r="U52" s="51">
        <v>20525</v>
      </c>
      <c r="V52" s="51">
        <v>6921</v>
      </c>
      <c r="W52" s="51">
        <v>4984</v>
      </c>
      <c r="X52" s="51">
        <v>18270</v>
      </c>
      <c r="Y52" s="51">
        <v>11105</v>
      </c>
      <c r="Z52" s="51">
        <v>6386</v>
      </c>
      <c r="AA52" s="51">
        <v>8884</v>
      </c>
      <c r="AB52" s="51">
        <v>11873</v>
      </c>
      <c r="AC52" s="51">
        <v>9695</v>
      </c>
      <c r="AD52" s="51">
        <v>15663</v>
      </c>
      <c r="AE52" s="51">
        <v>4105</v>
      </c>
      <c r="AF52" s="51">
        <v>2167</v>
      </c>
      <c r="AG52" s="51">
        <v>11500</v>
      </c>
      <c r="AH52" s="51">
        <v>42444</v>
      </c>
      <c r="AI52" s="51">
        <v>7823</v>
      </c>
      <c r="AJ52" s="51">
        <v>12653</v>
      </c>
      <c r="AK52" s="51">
        <v>4715</v>
      </c>
      <c r="AL52" s="51">
        <v>754</v>
      </c>
      <c r="AM52" s="51">
        <v>1279</v>
      </c>
      <c r="AN52" s="51">
        <v>3866</v>
      </c>
      <c r="AO52" s="51">
        <v>5033</v>
      </c>
      <c r="AP52" s="51">
        <v>1346</v>
      </c>
      <c r="AQ52" s="51">
        <v>5043</v>
      </c>
      <c r="AR52" s="51">
        <v>3102</v>
      </c>
      <c r="AS52" s="51">
        <v>619</v>
      </c>
      <c r="AT52" s="51">
        <v>3206</v>
      </c>
      <c r="AU52" s="51">
        <v>1832</v>
      </c>
      <c r="AV52" s="51">
        <v>1651</v>
      </c>
      <c r="AW52" s="51">
        <v>0</v>
      </c>
      <c r="AX52" s="51">
        <v>870</v>
      </c>
      <c r="AY52" s="51">
        <v>4782</v>
      </c>
      <c r="AZ52" s="51">
        <v>1825</v>
      </c>
      <c r="BA52" s="51">
        <v>2259</v>
      </c>
      <c r="BB52" s="51">
        <v>1630</v>
      </c>
      <c r="BC52" s="51">
        <v>1590</v>
      </c>
      <c r="BD52" s="51">
        <v>0</v>
      </c>
      <c r="BE52" s="51">
        <v>5375</v>
      </c>
      <c r="BF52" s="51">
        <v>4737</v>
      </c>
      <c r="BG52" s="51">
        <v>3936</v>
      </c>
      <c r="BH52" s="51">
        <v>754</v>
      </c>
      <c r="BI52" s="51">
        <v>5303</v>
      </c>
      <c r="BJ52" s="51">
        <v>15570</v>
      </c>
      <c r="BK52" s="51">
        <v>3392</v>
      </c>
      <c r="BL52" s="51">
        <v>27474</v>
      </c>
      <c r="BM52" s="51">
        <v>8536</v>
      </c>
      <c r="BN52" s="50">
        <v>583610</v>
      </c>
    </row>
    <row r="53" spans="1:66" ht="10" customHeight="1">
      <c r="A53" s="20"/>
      <c r="B53" s="243" t="s">
        <v>136</v>
      </c>
      <c r="C53" s="219"/>
      <c r="D53" s="220"/>
      <c r="E53" s="13"/>
      <c r="F53" s="13"/>
      <c r="G53" s="13"/>
      <c r="H53" s="13"/>
      <c r="I53" s="13"/>
      <c r="J53" s="13"/>
      <c r="K53" s="51">
        <v>0</v>
      </c>
      <c r="L53" s="51">
        <v>0</v>
      </c>
      <c r="M53" s="51">
        <v>713</v>
      </c>
      <c r="N53" s="51">
        <v>0</v>
      </c>
      <c r="O53" s="51">
        <v>0</v>
      </c>
      <c r="P53" s="51">
        <v>0</v>
      </c>
      <c r="Q53" s="51">
        <v>9397</v>
      </c>
      <c r="R53" s="51">
        <v>0</v>
      </c>
      <c r="S53" s="51">
        <v>0</v>
      </c>
      <c r="T53" s="51">
        <v>0</v>
      </c>
      <c r="U53" s="51">
        <v>0</v>
      </c>
      <c r="V53" s="51">
        <v>0</v>
      </c>
      <c r="W53" s="51">
        <v>0</v>
      </c>
      <c r="X53" s="51">
        <v>129</v>
      </c>
      <c r="Y53" s="51">
        <v>5282</v>
      </c>
      <c r="Z53" s="51">
        <v>2402</v>
      </c>
      <c r="AA53" s="51">
        <v>0</v>
      </c>
      <c r="AB53" s="51">
        <v>0</v>
      </c>
      <c r="AC53" s="51">
        <v>0</v>
      </c>
      <c r="AD53" s="51">
        <v>0</v>
      </c>
      <c r="AE53" s="51">
        <v>142760</v>
      </c>
      <c r="AF53" s="51">
        <v>0</v>
      </c>
      <c r="AG53" s="51">
        <v>0</v>
      </c>
      <c r="AH53" s="51">
        <v>813</v>
      </c>
      <c r="AI53" s="51">
        <v>0</v>
      </c>
      <c r="AJ53" s="51">
        <v>0</v>
      </c>
      <c r="AK53" s="51">
        <v>0</v>
      </c>
      <c r="AL53" s="51">
        <v>0</v>
      </c>
      <c r="AM53" s="51">
        <v>0</v>
      </c>
      <c r="AN53" s="51">
        <v>0</v>
      </c>
      <c r="AO53" s="51">
        <v>0</v>
      </c>
      <c r="AP53" s="51">
        <v>0</v>
      </c>
      <c r="AQ53" s="51">
        <v>0</v>
      </c>
      <c r="AR53" s="51">
        <v>0</v>
      </c>
      <c r="AS53" s="51">
        <v>639</v>
      </c>
      <c r="AT53" s="51">
        <v>0</v>
      </c>
      <c r="AU53" s="51">
        <v>0</v>
      </c>
      <c r="AV53" s="51">
        <v>510</v>
      </c>
      <c r="AW53" s="51">
        <v>0</v>
      </c>
      <c r="AX53" s="51">
        <v>0</v>
      </c>
      <c r="AY53" s="51">
        <v>0</v>
      </c>
      <c r="AZ53" s="51">
        <v>0</v>
      </c>
      <c r="BA53" s="51">
        <v>0</v>
      </c>
      <c r="BB53" s="51">
        <v>0</v>
      </c>
      <c r="BC53" s="51">
        <v>120000</v>
      </c>
      <c r="BD53" s="51">
        <v>74300</v>
      </c>
      <c r="BE53" s="51">
        <v>0</v>
      </c>
      <c r="BF53" s="51">
        <v>1365</v>
      </c>
      <c r="BG53" s="51">
        <v>0</v>
      </c>
      <c r="BH53" s="51">
        <v>0</v>
      </c>
      <c r="BI53" s="51">
        <v>0</v>
      </c>
      <c r="BJ53" s="51">
        <v>0</v>
      </c>
      <c r="BK53" s="51">
        <v>121</v>
      </c>
      <c r="BL53" s="51">
        <v>0</v>
      </c>
      <c r="BM53" s="51">
        <v>382805</v>
      </c>
      <c r="BN53" s="50">
        <v>741236</v>
      </c>
    </row>
    <row r="54" spans="1:66" ht="10" customHeight="1">
      <c r="A54" s="20"/>
      <c r="B54" s="16"/>
      <c r="C54" s="208" t="s">
        <v>137</v>
      </c>
      <c r="D54" s="210"/>
      <c r="E54" s="13"/>
      <c r="F54" s="13"/>
      <c r="G54" s="13"/>
      <c r="H54" s="13"/>
      <c r="I54" s="13"/>
      <c r="J54" s="13"/>
      <c r="K54" s="51">
        <v>0</v>
      </c>
      <c r="L54" s="51">
        <v>0</v>
      </c>
      <c r="M54" s="51">
        <v>0</v>
      </c>
      <c r="N54" s="51">
        <v>0</v>
      </c>
      <c r="O54" s="51">
        <v>0</v>
      </c>
      <c r="P54" s="51">
        <v>0</v>
      </c>
      <c r="Q54" s="51">
        <v>0</v>
      </c>
      <c r="R54" s="51">
        <v>0</v>
      </c>
      <c r="S54" s="51">
        <v>0</v>
      </c>
      <c r="T54" s="51">
        <v>0</v>
      </c>
      <c r="U54" s="51">
        <v>0</v>
      </c>
      <c r="V54" s="51">
        <v>0</v>
      </c>
      <c r="W54" s="51">
        <v>0</v>
      </c>
      <c r="X54" s="51">
        <v>0</v>
      </c>
      <c r="Y54" s="51">
        <v>0</v>
      </c>
      <c r="Z54" s="51">
        <v>0</v>
      </c>
      <c r="AA54" s="51">
        <v>0</v>
      </c>
      <c r="AB54" s="51">
        <v>0</v>
      </c>
      <c r="AC54" s="51">
        <v>0</v>
      </c>
      <c r="AD54" s="51">
        <v>0</v>
      </c>
      <c r="AE54" s="51">
        <v>0</v>
      </c>
      <c r="AF54" s="51">
        <v>0</v>
      </c>
      <c r="AG54" s="51">
        <v>0</v>
      </c>
      <c r="AH54" s="51">
        <v>0</v>
      </c>
      <c r="AI54" s="51">
        <v>0</v>
      </c>
      <c r="AJ54" s="51">
        <v>0</v>
      </c>
      <c r="AK54" s="51">
        <v>0</v>
      </c>
      <c r="AL54" s="51">
        <v>0</v>
      </c>
      <c r="AM54" s="51">
        <v>0</v>
      </c>
      <c r="AN54" s="51">
        <v>0</v>
      </c>
      <c r="AO54" s="51">
        <v>0</v>
      </c>
      <c r="AP54" s="51">
        <v>0</v>
      </c>
      <c r="AQ54" s="51">
        <v>0</v>
      </c>
      <c r="AR54" s="51">
        <v>0</v>
      </c>
      <c r="AS54" s="51">
        <v>0</v>
      </c>
      <c r="AT54" s="51">
        <v>0</v>
      </c>
      <c r="AU54" s="51">
        <v>0</v>
      </c>
      <c r="AV54" s="51">
        <v>0</v>
      </c>
      <c r="AW54" s="51">
        <v>0</v>
      </c>
      <c r="AX54" s="51">
        <v>0</v>
      </c>
      <c r="AY54" s="51">
        <v>0</v>
      </c>
      <c r="AZ54" s="51">
        <v>0</v>
      </c>
      <c r="BA54" s="51">
        <v>0</v>
      </c>
      <c r="BB54" s="51">
        <v>0</v>
      </c>
      <c r="BC54" s="51">
        <v>0</v>
      </c>
      <c r="BD54" s="51">
        <v>0</v>
      </c>
      <c r="BE54" s="51">
        <v>0</v>
      </c>
      <c r="BF54" s="51">
        <v>0</v>
      </c>
      <c r="BG54" s="51">
        <v>0</v>
      </c>
      <c r="BH54" s="51">
        <v>0</v>
      </c>
      <c r="BI54" s="51">
        <v>0</v>
      </c>
      <c r="BJ54" s="51">
        <v>0</v>
      </c>
      <c r="BK54" s="51">
        <v>0</v>
      </c>
      <c r="BL54" s="51">
        <v>0</v>
      </c>
      <c r="BM54" s="51">
        <v>0</v>
      </c>
      <c r="BN54" s="50">
        <v>0</v>
      </c>
    </row>
    <row r="55" spans="1:66" ht="10" customHeight="1">
      <c r="A55" s="69"/>
      <c r="B55" s="70"/>
      <c r="C55" s="241" t="s">
        <v>138</v>
      </c>
      <c r="D55" s="242"/>
      <c r="E55" s="13"/>
      <c r="F55" s="13"/>
      <c r="G55" s="13"/>
      <c r="H55" s="13"/>
      <c r="I55" s="13"/>
      <c r="J55" s="13"/>
      <c r="K55" s="52">
        <v>0</v>
      </c>
      <c r="L55" s="52">
        <v>0</v>
      </c>
      <c r="M55" s="52">
        <v>713</v>
      </c>
      <c r="N55" s="52">
        <v>0</v>
      </c>
      <c r="O55" s="52">
        <v>0</v>
      </c>
      <c r="P55" s="52">
        <v>0</v>
      </c>
      <c r="Q55" s="52">
        <v>9397</v>
      </c>
      <c r="R55" s="52">
        <v>0</v>
      </c>
      <c r="S55" s="52">
        <v>0</v>
      </c>
      <c r="T55" s="52">
        <v>0</v>
      </c>
      <c r="U55" s="52">
        <v>0</v>
      </c>
      <c r="V55" s="52">
        <v>0</v>
      </c>
      <c r="W55" s="52">
        <v>0</v>
      </c>
      <c r="X55" s="52">
        <v>129</v>
      </c>
      <c r="Y55" s="52">
        <v>5282</v>
      </c>
      <c r="Z55" s="52">
        <v>2402</v>
      </c>
      <c r="AA55" s="52">
        <v>0</v>
      </c>
      <c r="AB55" s="52">
        <v>0</v>
      </c>
      <c r="AC55" s="52">
        <v>0</v>
      </c>
      <c r="AD55" s="52">
        <v>0</v>
      </c>
      <c r="AE55" s="52">
        <v>142760</v>
      </c>
      <c r="AF55" s="52">
        <v>0</v>
      </c>
      <c r="AG55" s="52">
        <v>0</v>
      </c>
      <c r="AH55" s="52">
        <v>813</v>
      </c>
      <c r="AI55" s="52">
        <v>0</v>
      </c>
      <c r="AJ55" s="52">
        <v>0</v>
      </c>
      <c r="AK55" s="52">
        <v>0</v>
      </c>
      <c r="AL55" s="52">
        <v>0</v>
      </c>
      <c r="AM55" s="52">
        <v>0</v>
      </c>
      <c r="AN55" s="52">
        <v>0</v>
      </c>
      <c r="AO55" s="52">
        <v>0</v>
      </c>
      <c r="AP55" s="52">
        <v>0</v>
      </c>
      <c r="AQ55" s="52">
        <v>0</v>
      </c>
      <c r="AR55" s="52">
        <v>0</v>
      </c>
      <c r="AS55" s="52">
        <v>639</v>
      </c>
      <c r="AT55" s="52">
        <v>0</v>
      </c>
      <c r="AU55" s="52">
        <v>0</v>
      </c>
      <c r="AV55" s="52">
        <v>510</v>
      </c>
      <c r="AW55" s="52">
        <v>0</v>
      </c>
      <c r="AX55" s="52">
        <v>0</v>
      </c>
      <c r="AY55" s="52">
        <v>0</v>
      </c>
      <c r="AZ55" s="52">
        <v>0</v>
      </c>
      <c r="BA55" s="52">
        <v>0</v>
      </c>
      <c r="BB55" s="52">
        <v>0</v>
      </c>
      <c r="BC55" s="52">
        <v>120000</v>
      </c>
      <c r="BD55" s="52">
        <v>74300</v>
      </c>
      <c r="BE55" s="52">
        <v>0</v>
      </c>
      <c r="BF55" s="52">
        <v>1365</v>
      </c>
      <c r="BG55" s="52">
        <v>0</v>
      </c>
      <c r="BH55" s="52">
        <v>0</v>
      </c>
      <c r="BI55" s="52">
        <v>0</v>
      </c>
      <c r="BJ55" s="52">
        <v>0</v>
      </c>
      <c r="BK55" s="52">
        <v>121</v>
      </c>
      <c r="BL55" s="52">
        <v>0</v>
      </c>
      <c r="BM55" s="52">
        <v>382805</v>
      </c>
      <c r="BN55" s="53">
        <v>741236</v>
      </c>
    </row>
    <row r="56" spans="1:66" ht="10" customHeight="1">
      <c r="K56" s="68"/>
      <c r="L56" s="68"/>
      <c r="M56" s="68"/>
      <c r="N56" s="68"/>
      <c r="O56" s="68"/>
      <c r="P56" s="68"/>
      <c r="Q56" s="68"/>
      <c r="R56" s="68"/>
      <c r="S56" s="68"/>
      <c r="T56" s="68"/>
      <c r="U56" s="68"/>
      <c r="V56" s="68"/>
      <c r="W56" s="68"/>
      <c r="X56" s="68"/>
      <c r="Y56" s="68"/>
      <c r="Z56" s="68"/>
      <c r="AA56" s="68"/>
      <c r="AB56" s="68"/>
      <c r="AC56" s="68"/>
      <c r="AD56" s="68"/>
      <c r="AE56" s="68"/>
      <c r="AF56" s="68"/>
      <c r="AG56" s="68"/>
      <c r="AH56" s="68"/>
      <c r="AI56" s="68"/>
      <c r="AJ56" s="68"/>
      <c r="AK56" s="68"/>
      <c r="AL56" s="68"/>
      <c r="AM56" s="68"/>
      <c r="AN56" s="68"/>
      <c r="AO56" s="68"/>
      <c r="AP56" s="68"/>
      <c r="AQ56" s="68"/>
      <c r="AR56" s="68"/>
      <c r="AS56" s="68"/>
      <c r="AT56" s="68"/>
      <c r="AU56" s="68"/>
      <c r="AV56" s="68"/>
      <c r="AW56" s="68"/>
      <c r="AX56" s="68"/>
      <c r="AY56" s="68"/>
      <c r="AZ56" s="68"/>
      <c r="BA56" s="68"/>
      <c r="BB56" s="68"/>
      <c r="BC56" s="68"/>
      <c r="BD56" s="68"/>
      <c r="BE56" s="68"/>
      <c r="BF56" s="68"/>
      <c r="BG56" s="68"/>
      <c r="BH56" s="68"/>
      <c r="BI56" s="68"/>
      <c r="BJ56" s="68"/>
      <c r="BK56" s="68"/>
      <c r="BL56" s="68"/>
      <c r="BM56" s="68"/>
      <c r="BN56" s="64"/>
    </row>
    <row r="57" spans="1:66" ht="10" customHeight="1">
      <c r="A57" s="246" t="s">
        <v>560</v>
      </c>
      <c r="B57" s="246"/>
      <c r="C57" s="246"/>
      <c r="D57" s="246"/>
      <c r="K57" s="54"/>
      <c r="L57" s="54"/>
      <c r="M57" s="54"/>
      <c r="N57" s="54"/>
      <c r="O57" s="54"/>
      <c r="P57" s="54"/>
      <c r="Q57" s="54"/>
      <c r="R57" s="54"/>
      <c r="S57" s="54"/>
      <c r="T57" s="54"/>
      <c r="U57" s="54"/>
      <c r="V57" s="54"/>
      <c r="W57" s="54"/>
      <c r="X57" s="54"/>
      <c r="Y57" s="54"/>
      <c r="Z57" s="54"/>
      <c r="AA57" s="54"/>
      <c r="AB57" s="54"/>
      <c r="AC57" s="54"/>
      <c r="AD57" s="54"/>
      <c r="AE57" s="54"/>
      <c r="AF57" s="54"/>
      <c r="AG57" s="54"/>
      <c r="AH57" s="54"/>
      <c r="AI57" s="54"/>
      <c r="AJ57" s="54"/>
      <c r="AK57" s="54"/>
      <c r="AL57" s="54"/>
      <c r="AM57" s="54"/>
      <c r="AN57" s="54"/>
      <c r="AO57" s="54"/>
      <c r="AP57" s="54"/>
      <c r="AQ57" s="54"/>
      <c r="AR57" s="54"/>
      <c r="AS57" s="54"/>
      <c r="AT57" s="54"/>
      <c r="AU57" s="54"/>
      <c r="AV57" s="54"/>
      <c r="AW57" s="54"/>
      <c r="AX57" s="54"/>
      <c r="AY57" s="54"/>
      <c r="AZ57" s="54"/>
      <c r="BA57" s="54"/>
      <c r="BB57" s="54"/>
      <c r="BC57" s="54"/>
      <c r="BD57" s="54"/>
      <c r="BE57" s="54"/>
      <c r="BF57" s="54"/>
      <c r="BG57" s="54"/>
      <c r="BH57" s="54"/>
      <c r="BI57" s="54"/>
      <c r="BJ57" s="54"/>
      <c r="BK57" s="54"/>
      <c r="BL57" s="54"/>
      <c r="BM57" s="54"/>
      <c r="BN57" s="55"/>
    </row>
    <row r="58" spans="1:66" ht="10" customHeight="1">
      <c r="A58" s="213" t="s">
        <v>139</v>
      </c>
      <c r="B58" s="214"/>
      <c r="C58" s="214"/>
      <c r="D58" s="215"/>
      <c r="E58" s="13"/>
      <c r="F58" s="13"/>
      <c r="G58" s="13"/>
      <c r="H58" s="13"/>
      <c r="I58" s="13"/>
      <c r="J58" s="13"/>
      <c r="K58" s="56">
        <v>13000858</v>
      </c>
      <c r="L58" s="56">
        <v>1877578</v>
      </c>
      <c r="M58" s="56">
        <v>1800453</v>
      </c>
      <c r="N58" s="56">
        <v>4458854</v>
      </c>
      <c r="O58" s="56">
        <v>795275</v>
      </c>
      <c r="P58" s="56">
        <v>2097042</v>
      </c>
      <c r="Q58" s="56">
        <v>601122</v>
      </c>
      <c r="R58" s="56">
        <v>1004266</v>
      </c>
      <c r="S58" s="56">
        <v>526335</v>
      </c>
      <c r="T58" s="56">
        <v>509289</v>
      </c>
      <c r="U58" s="56">
        <v>813470</v>
      </c>
      <c r="V58" s="56">
        <v>979147</v>
      </c>
      <c r="W58" s="56">
        <v>424562</v>
      </c>
      <c r="X58" s="56">
        <v>600176</v>
      </c>
      <c r="Y58" s="56">
        <v>1106670</v>
      </c>
      <c r="Z58" s="56">
        <v>1402850</v>
      </c>
      <c r="AA58" s="56">
        <v>1016595</v>
      </c>
      <c r="AB58" s="56">
        <v>597136</v>
      </c>
      <c r="AC58" s="56">
        <v>1078244</v>
      </c>
      <c r="AD58" s="56">
        <v>1014350</v>
      </c>
      <c r="AE58" s="56">
        <v>981506</v>
      </c>
      <c r="AF58" s="56">
        <v>426995</v>
      </c>
      <c r="AG58" s="56">
        <v>302563</v>
      </c>
      <c r="AH58" s="56">
        <v>348431</v>
      </c>
      <c r="AI58" s="56">
        <v>1321501</v>
      </c>
      <c r="AJ58" s="56">
        <v>669247</v>
      </c>
      <c r="AK58" s="56">
        <v>610174</v>
      </c>
      <c r="AL58" s="56">
        <v>766293</v>
      </c>
      <c r="AM58" s="56">
        <v>304973</v>
      </c>
      <c r="AN58" s="56">
        <v>220151</v>
      </c>
      <c r="AO58" s="56">
        <v>6144</v>
      </c>
      <c r="AP58" s="56">
        <v>617976</v>
      </c>
      <c r="AQ58" s="56">
        <v>626124</v>
      </c>
      <c r="AR58" s="56">
        <v>1343093</v>
      </c>
      <c r="AS58" s="56">
        <v>296683</v>
      </c>
      <c r="AT58" s="56">
        <v>96406</v>
      </c>
      <c r="AU58" s="56">
        <v>285287</v>
      </c>
      <c r="AV58" s="56">
        <v>78197</v>
      </c>
      <c r="AW58" s="56">
        <v>75073</v>
      </c>
      <c r="AX58" s="56">
        <v>154027</v>
      </c>
      <c r="AY58" s="56">
        <v>199864</v>
      </c>
      <c r="AZ58" s="56">
        <v>58163</v>
      </c>
      <c r="BA58" s="56">
        <v>250451</v>
      </c>
      <c r="BB58" s="56">
        <v>-6210</v>
      </c>
      <c r="BC58" s="56">
        <v>158771</v>
      </c>
      <c r="BD58" s="56">
        <v>523046</v>
      </c>
      <c r="BE58" s="56">
        <v>73819</v>
      </c>
      <c r="BF58" s="56">
        <v>205058</v>
      </c>
      <c r="BG58" s="56">
        <v>232882</v>
      </c>
      <c r="BH58" s="56">
        <v>530993</v>
      </c>
      <c r="BI58" s="56">
        <v>268795</v>
      </c>
      <c r="BJ58" s="56">
        <v>2454295</v>
      </c>
      <c r="BK58" s="56">
        <v>808210</v>
      </c>
      <c r="BL58" s="56">
        <v>705718</v>
      </c>
      <c r="BM58" s="56">
        <v>1054673</v>
      </c>
      <c r="BN58" s="57">
        <v>52753644</v>
      </c>
    </row>
    <row r="59" spans="1:66" ht="10" customHeight="1">
      <c r="A59" s="216" t="s">
        <v>140</v>
      </c>
      <c r="B59" s="209"/>
      <c r="C59" s="209"/>
      <c r="D59" s="210"/>
      <c r="E59" s="13"/>
      <c r="F59" s="13"/>
      <c r="G59" s="13"/>
      <c r="H59" s="13"/>
      <c r="I59" s="13"/>
      <c r="J59" s="13"/>
      <c r="K59" s="56">
        <v>-14659660</v>
      </c>
      <c r="L59" s="51">
        <v>-2359254</v>
      </c>
      <c r="M59" s="51">
        <v>-1677926</v>
      </c>
      <c r="N59" s="51">
        <v>-5113299</v>
      </c>
      <c r="O59" s="51">
        <v>-848265</v>
      </c>
      <c r="P59" s="51">
        <v>-3452670</v>
      </c>
      <c r="Q59" s="51">
        <v>-444710</v>
      </c>
      <c r="R59" s="51">
        <v>-658938</v>
      </c>
      <c r="S59" s="51">
        <v>-579751</v>
      </c>
      <c r="T59" s="51">
        <v>-510647</v>
      </c>
      <c r="U59" s="51">
        <v>-811067</v>
      </c>
      <c r="V59" s="51">
        <v>-1020060</v>
      </c>
      <c r="W59" s="51">
        <v>-359445</v>
      </c>
      <c r="X59" s="51">
        <v>-917092</v>
      </c>
      <c r="Y59" s="51">
        <v>-889091</v>
      </c>
      <c r="Z59" s="51">
        <v>-837577</v>
      </c>
      <c r="AA59" s="51">
        <v>-1364076</v>
      </c>
      <c r="AB59" s="51">
        <v>-686745</v>
      </c>
      <c r="AC59" s="51">
        <v>-673794</v>
      </c>
      <c r="AD59" s="51">
        <v>-733362</v>
      </c>
      <c r="AE59" s="51">
        <v>-1208934</v>
      </c>
      <c r="AF59" s="51">
        <v>-84541</v>
      </c>
      <c r="AG59" s="51">
        <v>-526532</v>
      </c>
      <c r="AH59" s="51">
        <v>-620029</v>
      </c>
      <c r="AI59" s="51">
        <v>-1701055</v>
      </c>
      <c r="AJ59" s="51">
        <v>-469556</v>
      </c>
      <c r="AK59" s="51">
        <v>-279748</v>
      </c>
      <c r="AL59" s="51">
        <v>-786089</v>
      </c>
      <c r="AM59" s="51">
        <v>-433740</v>
      </c>
      <c r="AN59" s="51">
        <v>-336917</v>
      </c>
      <c r="AO59" s="51">
        <v>-400397</v>
      </c>
      <c r="AP59" s="51">
        <v>-420549</v>
      </c>
      <c r="AQ59" s="51">
        <v>-511341</v>
      </c>
      <c r="AR59" s="51">
        <v>-1155339</v>
      </c>
      <c r="AS59" s="51">
        <v>-384930</v>
      </c>
      <c r="AT59" s="51">
        <v>-340657</v>
      </c>
      <c r="AU59" s="51">
        <v>-231512</v>
      </c>
      <c r="AV59" s="51">
        <v>-54859</v>
      </c>
      <c r="AW59" s="51">
        <v>-135973</v>
      </c>
      <c r="AX59" s="51">
        <v>-372742</v>
      </c>
      <c r="AY59" s="51">
        <v>-93840</v>
      </c>
      <c r="AZ59" s="51">
        <v>-155125</v>
      </c>
      <c r="BA59" s="51">
        <v>-396664</v>
      </c>
      <c r="BB59" s="51">
        <v>-48249</v>
      </c>
      <c r="BC59" s="51">
        <v>-139819</v>
      </c>
      <c r="BD59" s="51">
        <v>-658555</v>
      </c>
      <c r="BE59" s="51">
        <v>-61574</v>
      </c>
      <c r="BF59" s="51">
        <v>-271197</v>
      </c>
      <c r="BG59" s="51">
        <v>-372054</v>
      </c>
      <c r="BH59" s="51">
        <v>-765785</v>
      </c>
      <c r="BI59" s="51">
        <v>-286320</v>
      </c>
      <c r="BJ59" s="51">
        <v>-2508057</v>
      </c>
      <c r="BK59" s="51">
        <v>-1469223</v>
      </c>
      <c r="BL59" s="51">
        <v>-1302881</v>
      </c>
      <c r="BM59" s="51">
        <v>-4384821</v>
      </c>
      <c r="BN59" s="50">
        <v>-61967033</v>
      </c>
    </row>
    <row r="60" spans="1:66" ht="10" customHeight="1">
      <c r="A60" s="216" t="s">
        <v>141</v>
      </c>
      <c r="B60" s="209"/>
      <c r="C60" s="209"/>
      <c r="D60" s="210"/>
      <c r="E60" s="13"/>
      <c r="F60" s="13"/>
      <c r="G60" s="13"/>
      <c r="H60" s="13"/>
      <c r="I60" s="13"/>
      <c r="J60" s="13"/>
      <c r="K60" s="56">
        <v>2799130</v>
      </c>
      <c r="L60" s="51">
        <v>199782</v>
      </c>
      <c r="M60" s="51">
        <v>176708</v>
      </c>
      <c r="N60" s="51">
        <v>-67269</v>
      </c>
      <c r="O60" s="51">
        <v>-100559</v>
      </c>
      <c r="P60" s="51">
        <v>499768</v>
      </c>
      <c r="Q60" s="51">
        <v>-129029</v>
      </c>
      <c r="R60" s="51">
        <v>-294058</v>
      </c>
      <c r="S60" s="51">
        <v>-22990</v>
      </c>
      <c r="T60" s="51">
        <v>-90612</v>
      </c>
      <c r="U60" s="51">
        <v>107890</v>
      </c>
      <c r="V60" s="51">
        <v>-207843</v>
      </c>
      <c r="W60" s="51">
        <v>-50937</v>
      </c>
      <c r="X60" s="51">
        <v>135149</v>
      </c>
      <c r="Y60" s="51">
        <v>-211552</v>
      </c>
      <c r="Z60" s="51">
        <v>37182</v>
      </c>
      <c r="AA60" s="51">
        <v>95082</v>
      </c>
      <c r="AB60" s="51">
        <v>-95114</v>
      </c>
      <c r="AC60" s="51">
        <v>-332626</v>
      </c>
      <c r="AD60" s="51">
        <v>50962</v>
      </c>
      <c r="AE60" s="51">
        <v>192311</v>
      </c>
      <c r="AF60" s="51">
        <v>-270874</v>
      </c>
      <c r="AG60" s="51">
        <v>-25513</v>
      </c>
      <c r="AH60" s="51">
        <v>283150</v>
      </c>
      <c r="AI60" s="51">
        <v>-162152</v>
      </c>
      <c r="AJ60" s="51">
        <v>26455</v>
      </c>
      <c r="AK60" s="51">
        <v>-87847</v>
      </c>
      <c r="AL60" s="51">
        <v>177539</v>
      </c>
      <c r="AM60" s="51">
        <v>-20544</v>
      </c>
      <c r="AN60" s="51">
        <v>34582</v>
      </c>
      <c r="AO60" s="51">
        <v>229175</v>
      </c>
      <c r="AP60" s="51">
        <v>-36424</v>
      </c>
      <c r="AQ60" s="51">
        <v>-59083</v>
      </c>
      <c r="AR60" s="51">
        <v>483494</v>
      </c>
      <c r="AS60" s="51">
        <v>-59493</v>
      </c>
      <c r="AT60" s="51">
        <v>39729</v>
      </c>
      <c r="AU60" s="51">
        <v>-35087</v>
      </c>
      <c r="AV60" s="51">
        <v>8990</v>
      </c>
      <c r="AW60" s="51">
        <v>188377</v>
      </c>
      <c r="AX60" s="51">
        <v>320705</v>
      </c>
      <c r="AY60" s="51">
        <v>-42932</v>
      </c>
      <c r="AZ60" s="51">
        <v>16254</v>
      </c>
      <c r="BA60" s="51">
        <v>-38666</v>
      </c>
      <c r="BB60" s="51">
        <v>29126</v>
      </c>
      <c r="BC60" s="51">
        <v>-30394</v>
      </c>
      <c r="BD60" s="51">
        <v>432357</v>
      </c>
      <c r="BE60" s="51">
        <v>-44690</v>
      </c>
      <c r="BF60" s="51">
        <v>110692</v>
      </c>
      <c r="BG60" s="51">
        <v>212145</v>
      </c>
      <c r="BH60" s="51">
        <v>571761</v>
      </c>
      <c r="BI60" s="51">
        <v>123189</v>
      </c>
      <c r="BJ60" s="51">
        <v>-72142</v>
      </c>
      <c r="BK60" s="51">
        <v>-46555</v>
      </c>
      <c r="BL60" s="51">
        <v>0</v>
      </c>
      <c r="BM60" s="51">
        <v>1718032</v>
      </c>
      <c r="BN60" s="50">
        <v>6664731</v>
      </c>
    </row>
    <row r="61" spans="1:66" ht="10" customHeight="1">
      <c r="A61" s="216" t="s">
        <v>142</v>
      </c>
      <c r="B61" s="209"/>
      <c r="C61" s="209"/>
      <c r="D61" s="210"/>
      <c r="E61" s="13"/>
      <c r="F61" s="13"/>
      <c r="G61" s="13"/>
      <c r="H61" s="13"/>
      <c r="I61" s="13"/>
      <c r="J61" s="13"/>
      <c r="K61" s="56">
        <v>0</v>
      </c>
      <c r="L61" s="51">
        <v>0</v>
      </c>
      <c r="M61" s="51">
        <v>0</v>
      </c>
      <c r="N61" s="51">
        <v>0</v>
      </c>
      <c r="O61" s="51">
        <v>0</v>
      </c>
      <c r="P61" s="51">
        <v>0</v>
      </c>
      <c r="Q61" s="51">
        <v>0</v>
      </c>
      <c r="R61" s="51">
        <v>0</v>
      </c>
      <c r="S61" s="51">
        <v>0</v>
      </c>
      <c r="T61" s="51">
        <v>0</v>
      </c>
      <c r="U61" s="51">
        <v>0</v>
      </c>
      <c r="V61" s="51">
        <v>0</v>
      </c>
      <c r="W61" s="51">
        <v>0</v>
      </c>
      <c r="X61" s="51">
        <v>0</v>
      </c>
      <c r="Y61" s="51">
        <v>0</v>
      </c>
      <c r="Z61" s="51">
        <v>0</v>
      </c>
      <c r="AA61" s="51">
        <v>0</v>
      </c>
      <c r="AB61" s="51">
        <v>0</v>
      </c>
      <c r="AC61" s="51">
        <v>0</v>
      </c>
      <c r="AD61" s="51">
        <v>0</v>
      </c>
      <c r="AE61" s="51">
        <v>0</v>
      </c>
      <c r="AF61" s="51">
        <v>0</v>
      </c>
      <c r="AG61" s="51">
        <v>0</v>
      </c>
      <c r="AH61" s="51">
        <v>0</v>
      </c>
      <c r="AI61" s="51">
        <v>0</v>
      </c>
      <c r="AJ61" s="51">
        <v>0</v>
      </c>
      <c r="AK61" s="51">
        <v>0</v>
      </c>
      <c r="AL61" s="51">
        <v>0</v>
      </c>
      <c r="AM61" s="51">
        <v>0</v>
      </c>
      <c r="AN61" s="51">
        <v>0</v>
      </c>
      <c r="AO61" s="51">
        <v>0</v>
      </c>
      <c r="AP61" s="51">
        <v>0</v>
      </c>
      <c r="AQ61" s="51">
        <v>0</v>
      </c>
      <c r="AR61" s="51">
        <v>0</v>
      </c>
      <c r="AS61" s="51">
        <v>0</v>
      </c>
      <c r="AT61" s="51">
        <v>0</v>
      </c>
      <c r="AU61" s="51">
        <v>0</v>
      </c>
      <c r="AV61" s="51">
        <v>0</v>
      </c>
      <c r="AW61" s="51">
        <v>0</v>
      </c>
      <c r="AX61" s="51">
        <v>0</v>
      </c>
      <c r="AY61" s="51">
        <v>0</v>
      </c>
      <c r="AZ61" s="51">
        <v>0</v>
      </c>
      <c r="BA61" s="51">
        <v>0</v>
      </c>
      <c r="BB61" s="51">
        <v>0</v>
      </c>
      <c r="BC61" s="51">
        <v>0</v>
      </c>
      <c r="BD61" s="51">
        <v>0</v>
      </c>
      <c r="BE61" s="51">
        <v>0</v>
      </c>
      <c r="BF61" s="51">
        <v>0</v>
      </c>
      <c r="BG61" s="51">
        <v>0</v>
      </c>
      <c r="BH61" s="51">
        <v>0</v>
      </c>
      <c r="BI61" s="51">
        <v>0</v>
      </c>
      <c r="BJ61" s="51">
        <v>0</v>
      </c>
      <c r="BK61" s="51">
        <v>0</v>
      </c>
      <c r="BL61" s="51">
        <v>0</v>
      </c>
      <c r="BM61" s="51">
        <v>0</v>
      </c>
      <c r="BN61" s="50">
        <v>0</v>
      </c>
    </row>
    <row r="62" spans="1:66" ht="10" customHeight="1">
      <c r="A62" s="216" t="s">
        <v>143</v>
      </c>
      <c r="B62" s="209"/>
      <c r="C62" s="209"/>
      <c r="D62" s="210"/>
      <c r="E62" s="13"/>
      <c r="F62" s="13"/>
      <c r="G62" s="13"/>
      <c r="H62" s="13"/>
      <c r="I62" s="13"/>
      <c r="J62" s="13"/>
      <c r="K62" s="56">
        <v>1140328</v>
      </c>
      <c r="L62" s="51">
        <v>-281894</v>
      </c>
      <c r="M62" s="51">
        <v>299235</v>
      </c>
      <c r="N62" s="51">
        <v>-721714</v>
      </c>
      <c r="O62" s="51">
        <v>-153549</v>
      </c>
      <c r="P62" s="51">
        <v>-855860</v>
      </c>
      <c r="Q62" s="51">
        <v>27383</v>
      </c>
      <c r="R62" s="51">
        <v>51270</v>
      </c>
      <c r="S62" s="51">
        <v>-76406</v>
      </c>
      <c r="T62" s="51">
        <v>-91970</v>
      </c>
      <c r="U62" s="51">
        <v>110293</v>
      </c>
      <c r="V62" s="51">
        <v>-248756</v>
      </c>
      <c r="W62" s="51">
        <v>14180</v>
      </c>
      <c r="X62" s="51">
        <v>-181767</v>
      </c>
      <c r="Y62" s="51">
        <v>6027</v>
      </c>
      <c r="Z62" s="51">
        <v>602455</v>
      </c>
      <c r="AA62" s="51">
        <v>-252399</v>
      </c>
      <c r="AB62" s="51">
        <v>-184723</v>
      </c>
      <c r="AC62" s="51">
        <v>71824</v>
      </c>
      <c r="AD62" s="51">
        <v>331950</v>
      </c>
      <c r="AE62" s="51">
        <v>-35117</v>
      </c>
      <c r="AF62" s="51">
        <v>71580</v>
      </c>
      <c r="AG62" s="51">
        <v>-249482</v>
      </c>
      <c r="AH62" s="51">
        <v>11552</v>
      </c>
      <c r="AI62" s="51">
        <v>-541706</v>
      </c>
      <c r="AJ62" s="51">
        <v>226146</v>
      </c>
      <c r="AK62" s="51">
        <v>242579</v>
      </c>
      <c r="AL62" s="51">
        <v>157743</v>
      </c>
      <c r="AM62" s="51">
        <v>-149311</v>
      </c>
      <c r="AN62" s="51">
        <v>-82184</v>
      </c>
      <c r="AO62" s="51">
        <v>-165078</v>
      </c>
      <c r="AP62" s="51">
        <v>161003</v>
      </c>
      <c r="AQ62" s="51">
        <v>55700</v>
      </c>
      <c r="AR62" s="51">
        <v>671248</v>
      </c>
      <c r="AS62" s="51">
        <v>-147740</v>
      </c>
      <c r="AT62" s="51">
        <v>-204522</v>
      </c>
      <c r="AU62" s="51">
        <v>18688</v>
      </c>
      <c r="AV62" s="51">
        <v>32328</v>
      </c>
      <c r="AW62" s="51">
        <v>127477</v>
      </c>
      <c r="AX62" s="51">
        <v>101990</v>
      </c>
      <c r="AY62" s="51">
        <v>63092</v>
      </c>
      <c r="AZ62" s="51">
        <v>-80708</v>
      </c>
      <c r="BA62" s="51">
        <v>-184879</v>
      </c>
      <c r="BB62" s="51">
        <v>-25333</v>
      </c>
      <c r="BC62" s="51">
        <v>-11442</v>
      </c>
      <c r="BD62" s="51">
        <v>296848</v>
      </c>
      <c r="BE62" s="51">
        <v>-32445</v>
      </c>
      <c r="BF62" s="51">
        <v>44553</v>
      </c>
      <c r="BG62" s="51">
        <v>72973</v>
      </c>
      <c r="BH62" s="51">
        <v>336969</v>
      </c>
      <c r="BI62" s="51">
        <v>105664</v>
      </c>
      <c r="BJ62" s="51">
        <v>-125904</v>
      </c>
      <c r="BK62" s="51">
        <v>-707568</v>
      </c>
      <c r="BL62" s="51">
        <v>-597163</v>
      </c>
      <c r="BM62" s="51">
        <v>-1612116</v>
      </c>
      <c r="BN62" s="50">
        <v>-2548658</v>
      </c>
    </row>
    <row r="63" spans="1:66" ht="10" customHeight="1">
      <c r="A63" s="216" t="s">
        <v>144</v>
      </c>
      <c r="B63" s="209"/>
      <c r="C63" s="209"/>
      <c r="D63" s="210"/>
      <c r="E63" s="13"/>
      <c r="F63" s="13"/>
      <c r="G63" s="13"/>
      <c r="H63" s="13"/>
      <c r="I63" s="13"/>
      <c r="J63" s="13"/>
      <c r="K63" s="56">
        <v>14656592</v>
      </c>
      <c r="L63" s="51">
        <v>5433000</v>
      </c>
      <c r="M63" s="51">
        <v>2782417</v>
      </c>
      <c r="N63" s="51">
        <v>5626783</v>
      </c>
      <c r="O63" s="51">
        <v>2013526</v>
      </c>
      <c r="P63" s="51">
        <v>5151641</v>
      </c>
      <c r="Q63" s="51">
        <v>1198112</v>
      </c>
      <c r="R63" s="51">
        <v>3046760</v>
      </c>
      <c r="S63" s="51">
        <v>1530167</v>
      </c>
      <c r="T63" s="51">
        <v>1720615</v>
      </c>
      <c r="U63" s="51">
        <v>2425677</v>
      </c>
      <c r="V63" s="51">
        <v>3205168</v>
      </c>
      <c r="W63" s="51">
        <v>1795041</v>
      </c>
      <c r="X63" s="51">
        <v>1909380</v>
      </c>
      <c r="Y63" s="51">
        <v>1294180</v>
      </c>
      <c r="Z63" s="51">
        <v>3174725</v>
      </c>
      <c r="AA63" s="51">
        <v>5752005</v>
      </c>
      <c r="AB63" s="51">
        <v>1158709</v>
      </c>
      <c r="AC63" s="51">
        <v>2096664</v>
      </c>
      <c r="AD63" s="51">
        <v>1838507</v>
      </c>
      <c r="AE63" s="51">
        <v>2116144</v>
      </c>
      <c r="AF63" s="51">
        <v>1882144</v>
      </c>
      <c r="AG63" s="51">
        <v>1103270</v>
      </c>
      <c r="AH63" s="51">
        <v>2458079</v>
      </c>
      <c r="AI63" s="51">
        <v>2969027</v>
      </c>
      <c r="AJ63" s="51">
        <v>2151749</v>
      </c>
      <c r="AK63" s="51">
        <v>2062605</v>
      </c>
      <c r="AL63" s="51">
        <v>1803080</v>
      </c>
      <c r="AM63" s="51">
        <v>1687875</v>
      </c>
      <c r="AN63" s="51">
        <v>1795269</v>
      </c>
      <c r="AO63" s="51">
        <v>2149590</v>
      </c>
      <c r="AP63" s="51">
        <v>908695</v>
      </c>
      <c r="AQ63" s="51">
        <v>1126975</v>
      </c>
      <c r="AR63" s="51">
        <v>1260833</v>
      </c>
      <c r="AS63" s="51">
        <v>1652360</v>
      </c>
      <c r="AT63" s="51">
        <v>1238483</v>
      </c>
      <c r="AU63" s="51">
        <v>665091</v>
      </c>
      <c r="AV63" s="51">
        <v>457299</v>
      </c>
      <c r="AW63" s="51">
        <v>1039933</v>
      </c>
      <c r="AX63" s="51">
        <v>1868644</v>
      </c>
      <c r="AY63" s="51">
        <v>1222161</v>
      </c>
      <c r="AZ63" s="51">
        <v>612407</v>
      </c>
      <c r="BA63" s="51">
        <v>937718</v>
      </c>
      <c r="BB63" s="51">
        <v>695262</v>
      </c>
      <c r="BC63" s="51">
        <v>202159</v>
      </c>
      <c r="BD63" s="51">
        <v>431402</v>
      </c>
      <c r="BE63" s="51">
        <v>200212</v>
      </c>
      <c r="BF63" s="51">
        <v>616939</v>
      </c>
      <c r="BG63" s="51">
        <v>706789</v>
      </c>
      <c r="BH63" s="51">
        <v>1072888</v>
      </c>
      <c r="BI63" s="51">
        <v>521031</v>
      </c>
      <c r="BJ63" s="51">
        <v>7755676</v>
      </c>
      <c r="BK63" s="51">
        <v>2831384</v>
      </c>
      <c r="BL63" s="51">
        <v>2660987</v>
      </c>
      <c r="BM63" s="51">
        <v>5523871</v>
      </c>
      <c r="BN63" s="50">
        <v>126197700</v>
      </c>
    </row>
    <row r="64" spans="1:66" ht="10" customHeight="1">
      <c r="A64" s="244" t="s">
        <v>145</v>
      </c>
      <c r="B64" s="245"/>
      <c r="C64" s="245"/>
      <c r="D64" s="242"/>
      <c r="E64" s="13"/>
      <c r="F64" s="13"/>
      <c r="G64" s="13"/>
      <c r="H64" s="13"/>
      <c r="I64" s="13"/>
      <c r="J64" s="13"/>
      <c r="K64" s="56">
        <v>15796920</v>
      </c>
      <c r="L64" s="52">
        <v>5151106</v>
      </c>
      <c r="M64" s="52">
        <v>3081652</v>
      </c>
      <c r="N64" s="52">
        <v>4905069</v>
      </c>
      <c r="O64" s="52">
        <v>1859977</v>
      </c>
      <c r="P64" s="52">
        <v>4295781</v>
      </c>
      <c r="Q64" s="52">
        <v>1225495</v>
      </c>
      <c r="R64" s="52">
        <v>3098030</v>
      </c>
      <c r="S64" s="52">
        <v>1453761</v>
      </c>
      <c r="T64" s="52">
        <v>1628645</v>
      </c>
      <c r="U64" s="52">
        <v>2535970</v>
      </c>
      <c r="V64" s="52">
        <v>2956412</v>
      </c>
      <c r="W64" s="52">
        <v>1809221</v>
      </c>
      <c r="X64" s="52">
        <v>1727613</v>
      </c>
      <c r="Y64" s="52">
        <v>1300207</v>
      </c>
      <c r="Z64" s="52">
        <v>3777180</v>
      </c>
      <c r="AA64" s="52">
        <v>5499606</v>
      </c>
      <c r="AB64" s="52">
        <v>973986</v>
      </c>
      <c r="AC64" s="52">
        <v>2168488</v>
      </c>
      <c r="AD64" s="52">
        <v>2170457</v>
      </c>
      <c r="AE64" s="52">
        <v>2081027</v>
      </c>
      <c r="AF64" s="52">
        <v>1953724</v>
      </c>
      <c r="AG64" s="52">
        <v>853788</v>
      </c>
      <c r="AH64" s="52">
        <v>2469631</v>
      </c>
      <c r="AI64" s="52">
        <v>2427321</v>
      </c>
      <c r="AJ64" s="52">
        <v>2377895</v>
      </c>
      <c r="AK64" s="52">
        <v>2305184</v>
      </c>
      <c r="AL64" s="52">
        <v>1960823</v>
      </c>
      <c r="AM64" s="52">
        <v>1538564</v>
      </c>
      <c r="AN64" s="52">
        <v>1713085</v>
      </c>
      <c r="AO64" s="52">
        <v>1984512</v>
      </c>
      <c r="AP64" s="52">
        <v>1069698</v>
      </c>
      <c r="AQ64" s="52">
        <v>1182675</v>
      </c>
      <c r="AR64" s="52">
        <v>1932081</v>
      </c>
      <c r="AS64" s="52">
        <v>1504620</v>
      </c>
      <c r="AT64" s="52">
        <v>1033961</v>
      </c>
      <c r="AU64" s="52">
        <v>683779</v>
      </c>
      <c r="AV64" s="52">
        <v>489627</v>
      </c>
      <c r="AW64" s="52">
        <v>1167410</v>
      </c>
      <c r="AX64" s="52">
        <v>1970634</v>
      </c>
      <c r="AY64" s="52">
        <v>1285253</v>
      </c>
      <c r="AZ64" s="52">
        <v>531699</v>
      </c>
      <c r="BA64" s="52">
        <v>752839</v>
      </c>
      <c r="BB64" s="52">
        <v>669929</v>
      </c>
      <c r="BC64" s="52">
        <v>190717</v>
      </c>
      <c r="BD64" s="52">
        <v>728250</v>
      </c>
      <c r="BE64" s="52">
        <v>167767</v>
      </c>
      <c r="BF64" s="52">
        <v>661492</v>
      </c>
      <c r="BG64" s="52">
        <v>779762</v>
      </c>
      <c r="BH64" s="52">
        <v>1409857</v>
      </c>
      <c r="BI64" s="52">
        <v>626695</v>
      </c>
      <c r="BJ64" s="52">
        <v>7629772</v>
      </c>
      <c r="BK64" s="52">
        <v>2123816</v>
      </c>
      <c r="BL64" s="52">
        <v>2063824</v>
      </c>
      <c r="BM64" s="52">
        <v>3911755</v>
      </c>
      <c r="BN64" s="53">
        <v>123649042</v>
      </c>
    </row>
    <row r="65" spans="11:66" ht="10" customHeight="1">
      <c r="K65" s="42"/>
      <c r="L65" s="42"/>
      <c r="M65" s="42"/>
      <c r="N65" s="42"/>
      <c r="O65" s="42"/>
      <c r="P65" s="42"/>
      <c r="Q65" s="42"/>
      <c r="R65" s="42"/>
      <c r="S65" s="42"/>
      <c r="T65" s="42"/>
      <c r="U65" s="42"/>
      <c r="V65" s="42"/>
      <c r="W65" s="42"/>
      <c r="X65" s="42"/>
      <c r="Y65" s="42"/>
      <c r="Z65" s="42"/>
      <c r="AA65" s="42"/>
      <c r="AB65" s="42"/>
      <c r="AC65" s="42"/>
      <c r="AD65" s="42"/>
      <c r="AE65" s="42"/>
      <c r="AF65" s="42"/>
      <c r="AG65" s="42"/>
      <c r="AH65" s="42"/>
      <c r="AI65" s="42"/>
      <c r="AJ65" s="42"/>
      <c r="AK65" s="42"/>
      <c r="AL65" s="42"/>
      <c r="AM65" s="42"/>
      <c r="AN65" s="42"/>
      <c r="AO65" s="42"/>
      <c r="AP65" s="42"/>
      <c r="AQ65" s="42"/>
      <c r="AR65" s="42"/>
      <c r="AS65" s="42"/>
      <c r="AT65" s="42"/>
      <c r="AU65" s="42"/>
      <c r="AV65" s="42"/>
      <c r="AW65" s="42"/>
      <c r="AX65" s="42"/>
      <c r="AY65" s="42"/>
      <c r="AZ65" s="42"/>
      <c r="BA65" s="42"/>
      <c r="BB65" s="42"/>
      <c r="BC65" s="42"/>
      <c r="BD65" s="42"/>
      <c r="BE65" s="42"/>
      <c r="BF65" s="42"/>
      <c r="BG65" s="42"/>
      <c r="BH65" s="42"/>
      <c r="BI65" s="42"/>
      <c r="BJ65" s="42"/>
      <c r="BK65" s="42"/>
      <c r="BL65" s="42"/>
      <c r="BM65" s="42"/>
      <c r="BN65" s="41"/>
    </row>
  </sheetData>
  <mergeCells count="60">
    <mergeCell ref="A61:D61"/>
    <mergeCell ref="A62:D62"/>
    <mergeCell ref="A63:D63"/>
    <mergeCell ref="A64:D64"/>
    <mergeCell ref="A57:D57"/>
    <mergeCell ref="A58:D58"/>
    <mergeCell ref="A59:D59"/>
    <mergeCell ref="A60:D60"/>
    <mergeCell ref="C55:D55"/>
    <mergeCell ref="A49:D49"/>
    <mergeCell ref="A50:D50"/>
    <mergeCell ref="A51:D51"/>
    <mergeCell ref="B52:D52"/>
    <mergeCell ref="B53:D53"/>
    <mergeCell ref="C54:D54"/>
    <mergeCell ref="A48:D48"/>
    <mergeCell ref="C36:D36"/>
    <mergeCell ref="C37:D37"/>
    <mergeCell ref="C38:D38"/>
    <mergeCell ref="B39:D39"/>
    <mergeCell ref="C40:D40"/>
    <mergeCell ref="C41:D41"/>
    <mergeCell ref="A42:D42"/>
    <mergeCell ref="A43:D43"/>
    <mergeCell ref="A44:D44"/>
    <mergeCell ref="A45:D45"/>
    <mergeCell ref="A46:D46"/>
    <mergeCell ref="A47:D47"/>
    <mergeCell ref="C35:D35"/>
    <mergeCell ref="B24:D24"/>
    <mergeCell ref="C25:D25"/>
    <mergeCell ref="C26:D26"/>
    <mergeCell ref="C27:D27"/>
    <mergeCell ref="C28:D28"/>
    <mergeCell ref="C29:D29"/>
    <mergeCell ref="C30:D30"/>
    <mergeCell ref="C31:D31"/>
    <mergeCell ref="C32:D32"/>
    <mergeCell ref="B33:D33"/>
    <mergeCell ref="C34:D34"/>
    <mergeCell ref="A23:D23"/>
    <mergeCell ref="B10:D10"/>
    <mergeCell ref="C11:D11"/>
    <mergeCell ref="C12:D12"/>
    <mergeCell ref="C13:D13"/>
    <mergeCell ref="C14:D14"/>
    <mergeCell ref="C15:D15"/>
    <mergeCell ref="C18:D18"/>
    <mergeCell ref="B19:D19"/>
    <mergeCell ref="C20:D20"/>
    <mergeCell ref="C21:D21"/>
    <mergeCell ref="C22:D22"/>
    <mergeCell ref="C16:D16"/>
    <mergeCell ref="C17:D17"/>
    <mergeCell ref="A1:D2"/>
    <mergeCell ref="C7:D7"/>
    <mergeCell ref="A3:D3"/>
    <mergeCell ref="B4:D4"/>
    <mergeCell ref="C5:D5"/>
    <mergeCell ref="C6:D6"/>
  </mergeCells>
  <phoneticPr fontId="3"/>
  <conditionalFormatting sqref="K3:BM64">
    <cfRule type="cellIs" dxfId="6" priority="61" stopIfTrue="1" operator="equal">
      <formula>0</formula>
    </cfRule>
  </conditionalFormatting>
  <conditionalFormatting sqref="BN3:BN55">
    <cfRule type="cellIs" dxfId="5" priority="3" operator="equal">
      <formula>0</formula>
    </cfRule>
  </conditionalFormatting>
  <conditionalFormatting sqref="BN58:BN64">
    <cfRule type="cellIs" dxfId="4" priority="1" operator="equal">
      <formula>0</formula>
    </cfRule>
  </conditionalFormatting>
  <pageMargins left="0.78740157480314965" right="0.78740157480314965" top="1.1417322834645669" bottom="0.78740157480314965" header="0.51181102362204722" footer="0.51181102362204722"/>
  <pageSetup paperSize="9" firstPageNumber="106" orientation="portrait" useFirstPageNumber="1" r:id="rId1"/>
  <headerFooter>
    <oddHeader>&amp;L&amp;"ＭＳ ゴシック,標準"Ⅳ　令和６年度地方公営企業事業別決算状況
　１　水道事業（法適用事業）&amp;R&amp;"ＭＳ ゴシック,標準"
&amp;A</oddHeader>
    <oddFooter xml:space="preserve">&amp;C&amp;"ＭＳ ゴシック,標準"&amp;9 &amp;P 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/>
  <dimension ref="A1:BO72"/>
  <sheetViews>
    <sheetView view="pageBreakPreview" zoomScaleNormal="110" zoomScaleSheetLayoutView="100" workbookViewId="0">
      <selection sqref="A1:F2"/>
    </sheetView>
  </sheetViews>
  <sheetFormatPr defaultColWidth="9.58203125" defaultRowHeight="10" customHeight="1"/>
  <cols>
    <col min="1" max="5" width="1.58203125" style="18" customWidth="1"/>
    <col min="6" max="6" width="18.5" style="18" customWidth="1"/>
    <col min="7" max="10" width="9.58203125" style="18" hidden="1" customWidth="1"/>
    <col min="11" max="65" width="9.58203125" style="18" customWidth="1"/>
    <col min="66" max="66" width="12" style="18" bestFit="1" customWidth="1"/>
    <col min="67" max="67" width="10.5" style="83" bestFit="1" customWidth="1"/>
    <col min="68" max="16384" width="9.58203125" style="18"/>
  </cols>
  <sheetData>
    <row r="1" spans="1:66" ht="10" customHeight="1">
      <c r="A1" s="199" t="s">
        <v>243</v>
      </c>
      <c r="B1" s="200"/>
      <c r="C1" s="200"/>
      <c r="D1" s="200"/>
      <c r="E1" s="200"/>
      <c r="F1" s="201"/>
      <c r="G1" s="1"/>
      <c r="H1" s="1"/>
      <c r="I1" s="1"/>
      <c r="J1" s="1"/>
      <c r="K1" s="24" t="s">
        <v>41</v>
      </c>
      <c r="L1" s="24" t="s">
        <v>42</v>
      </c>
      <c r="M1" s="24" t="s">
        <v>43</v>
      </c>
      <c r="N1" s="24" t="s">
        <v>44</v>
      </c>
      <c r="O1" s="24" t="s">
        <v>45</v>
      </c>
      <c r="P1" s="24" t="s">
        <v>46</v>
      </c>
      <c r="Q1" s="24" t="s">
        <v>47</v>
      </c>
      <c r="R1" s="24" t="s">
        <v>48</v>
      </c>
      <c r="S1" s="24" t="s">
        <v>49</v>
      </c>
      <c r="T1" s="24" t="s">
        <v>50</v>
      </c>
      <c r="U1" s="24" t="s">
        <v>51</v>
      </c>
      <c r="V1" s="24" t="s">
        <v>52</v>
      </c>
      <c r="W1" s="24" t="s">
        <v>53</v>
      </c>
      <c r="X1" s="24" t="s">
        <v>54</v>
      </c>
      <c r="Y1" s="24" t="s">
        <v>55</v>
      </c>
      <c r="Z1" s="24" t="s">
        <v>56</v>
      </c>
      <c r="AA1" s="24" t="s">
        <v>57</v>
      </c>
      <c r="AB1" s="24" t="s">
        <v>58</v>
      </c>
      <c r="AC1" s="24" t="s">
        <v>59</v>
      </c>
      <c r="AD1" s="24" t="s">
        <v>60</v>
      </c>
      <c r="AE1" s="24" t="s">
        <v>61</v>
      </c>
      <c r="AF1" s="24" t="s">
        <v>62</v>
      </c>
      <c r="AG1" s="24" t="s">
        <v>63</v>
      </c>
      <c r="AH1" s="24" t="s">
        <v>64</v>
      </c>
      <c r="AI1" s="24" t="s">
        <v>65</v>
      </c>
      <c r="AJ1" s="24" t="s">
        <v>66</v>
      </c>
      <c r="AK1" s="24" t="s">
        <v>67</v>
      </c>
      <c r="AL1" s="24" t="s">
        <v>68</v>
      </c>
      <c r="AM1" s="24" t="s">
        <v>69</v>
      </c>
      <c r="AN1" s="24" t="s">
        <v>70</v>
      </c>
      <c r="AO1" s="24" t="s">
        <v>71</v>
      </c>
      <c r="AP1" s="24" t="s">
        <v>72</v>
      </c>
      <c r="AQ1" s="24" t="s">
        <v>73</v>
      </c>
      <c r="AR1" s="24" t="s">
        <v>74</v>
      </c>
      <c r="AS1" s="24" t="s">
        <v>75</v>
      </c>
      <c r="AT1" s="24" t="s">
        <v>76</v>
      </c>
      <c r="AU1" s="24" t="s">
        <v>77</v>
      </c>
      <c r="AV1" s="24" t="s">
        <v>78</v>
      </c>
      <c r="AW1" s="24" t="s">
        <v>79</v>
      </c>
      <c r="AX1" s="24" t="s">
        <v>80</v>
      </c>
      <c r="AY1" s="24" t="s">
        <v>81</v>
      </c>
      <c r="AZ1" s="24" t="s">
        <v>82</v>
      </c>
      <c r="BA1" s="24" t="s">
        <v>83</v>
      </c>
      <c r="BB1" s="24" t="s">
        <v>84</v>
      </c>
      <c r="BC1" s="24" t="s">
        <v>85</v>
      </c>
      <c r="BD1" s="24" t="s">
        <v>86</v>
      </c>
      <c r="BE1" s="24" t="s">
        <v>87</v>
      </c>
      <c r="BF1" s="24" t="s">
        <v>88</v>
      </c>
      <c r="BG1" s="24" t="s">
        <v>89</v>
      </c>
      <c r="BH1" s="24" t="s">
        <v>90</v>
      </c>
      <c r="BI1" s="24" t="s">
        <v>91</v>
      </c>
      <c r="BJ1" s="2" t="s">
        <v>546</v>
      </c>
      <c r="BK1" s="2" t="s">
        <v>548</v>
      </c>
      <c r="BL1" s="2" t="s">
        <v>549</v>
      </c>
      <c r="BM1" s="2" t="s">
        <v>563</v>
      </c>
      <c r="BN1" s="24" t="s">
        <v>24</v>
      </c>
    </row>
    <row r="2" spans="1:66" ht="10" customHeight="1">
      <c r="A2" s="202"/>
      <c r="B2" s="203"/>
      <c r="C2" s="203"/>
      <c r="D2" s="203"/>
      <c r="E2" s="203"/>
      <c r="F2" s="204"/>
      <c r="G2" s="19"/>
      <c r="H2" s="19"/>
      <c r="I2" s="19"/>
      <c r="J2" s="19"/>
      <c r="K2" s="25" t="s">
        <v>40</v>
      </c>
      <c r="L2" s="25" t="s">
        <v>40</v>
      </c>
      <c r="M2" s="25" t="s">
        <v>40</v>
      </c>
      <c r="N2" s="25" t="s">
        <v>40</v>
      </c>
      <c r="O2" s="25" t="s">
        <v>40</v>
      </c>
      <c r="P2" s="25" t="s">
        <v>40</v>
      </c>
      <c r="Q2" s="25" t="s">
        <v>40</v>
      </c>
      <c r="R2" s="25" t="s">
        <v>40</v>
      </c>
      <c r="S2" s="25" t="s">
        <v>40</v>
      </c>
      <c r="T2" s="25" t="s">
        <v>40</v>
      </c>
      <c r="U2" s="25" t="s">
        <v>40</v>
      </c>
      <c r="V2" s="25" t="s">
        <v>40</v>
      </c>
      <c r="W2" s="25" t="s">
        <v>40</v>
      </c>
      <c r="X2" s="25" t="s">
        <v>40</v>
      </c>
      <c r="Y2" s="25" t="s">
        <v>40</v>
      </c>
      <c r="Z2" s="25" t="s">
        <v>40</v>
      </c>
      <c r="AA2" s="25" t="s">
        <v>40</v>
      </c>
      <c r="AB2" s="25" t="s">
        <v>40</v>
      </c>
      <c r="AC2" s="25" t="s">
        <v>40</v>
      </c>
      <c r="AD2" s="25" t="s">
        <v>40</v>
      </c>
      <c r="AE2" s="25" t="s">
        <v>40</v>
      </c>
      <c r="AF2" s="25" t="s">
        <v>40</v>
      </c>
      <c r="AG2" s="25" t="s">
        <v>40</v>
      </c>
      <c r="AH2" s="25" t="s">
        <v>40</v>
      </c>
      <c r="AI2" s="25" t="s">
        <v>40</v>
      </c>
      <c r="AJ2" s="25" t="s">
        <v>40</v>
      </c>
      <c r="AK2" s="25" t="s">
        <v>40</v>
      </c>
      <c r="AL2" s="25" t="s">
        <v>40</v>
      </c>
      <c r="AM2" s="25" t="s">
        <v>40</v>
      </c>
      <c r="AN2" s="25" t="s">
        <v>40</v>
      </c>
      <c r="AO2" s="25" t="s">
        <v>40</v>
      </c>
      <c r="AP2" s="25" t="s">
        <v>40</v>
      </c>
      <c r="AQ2" s="25" t="s">
        <v>40</v>
      </c>
      <c r="AR2" s="25" t="s">
        <v>40</v>
      </c>
      <c r="AS2" s="25" t="s">
        <v>40</v>
      </c>
      <c r="AT2" s="25" t="s">
        <v>40</v>
      </c>
      <c r="AU2" s="25" t="s">
        <v>40</v>
      </c>
      <c r="AV2" s="25" t="s">
        <v>40</v>
      </c>
      <c r="AW2" s="25" t="s">
        <v>40</v>
      </c>
      <c r="AX2" s="25" t="s">
        <v>40</v>
      </c>
      <c r="AY2" s="25" t="s">
        <v>40</v>
      </c>
      <c r="AZ2" s="25" t="s">
        <v>40</v>
      </c>
      <c r="BA2" s="25" t="s">
        <v>40</v>
      </c>
      <c r="BB2" s="25" t="s">
        <v>40</v>
      </c>
      <c r="BC2" s="25" t="s">
        <v>40</v>
      </c>
      <c r="BD2" s="25" t="s">
        <v>40</v>
      </c>
      <c r="BE2" s="25" t="s">
        <v>40</v>
      </c>
      <c r="BF2" s="25" t="s">
        <v>40</v>
      </c>
      <c r="BG2" s="25" t="s">
        <v>40</v>
      </c>
      <c r="BH2" s="25" t="s">
        <v>40</v>
      </c>
      <c r="BI2" s="25" t="s">
        <v>40</v>
      </c>
      <c r="BJ2" s="4" t="s">
        <v>547</v>
      </c>
      <c r="BK2" s="4" t="s">
        <v>547</v>
      </c>
      <c r="BL2" s="4" t="s">
        <v>550</v>
      </c>
      <c r="BM2" s="4" t="s">
        <v>564</v>
      </c>
      <c r="BN2" s="66"/>
    </row>
    <row r="3" spans="1:66" ht="10" customHeight="1">
      <c r="A3" s="247" t="s">
        <v>180</v>
      </c>
      <c r="B3" s="248" t="s">
        <v>148</v>
      </c>
      <c r="C3" s="233"/>
      <c r="D3" s="233"/>
      <c r="E3" s="233"/>
      <c r="F3" s="234"/>
      <c r="G3" s="26"/>
      <c r="H3" s="26"/>
      <c r="I3" s="26"/>
      <c r="J3" s="26"/>
      <c r="K3" s="49">
        <v>221954213</v>
      </c>
      <c r="L3" s="49">
        <v>42855538</v>
      </c>
      <c r="M3" s="49">
        <v>41725943</v>
      </c>
      <c r="N3" s="49">
        <v>81012934</v>
      </c>
      <c r="O3" s="49">
        <v>16447092</v>
      </c>
      <c r="P3" s="49">
        <v>53280221</v>
      </c>
      <c r="Q3" s="49">
        <v>18512742</v>
      </c>
      <c r="R3" s="49">
        <v>16786523</v>
      </c>
      <c r="S3" s="49">
        <v>11667591</v>
      </c>
      <c r="T3" s="49">
        <v>14521590</v>
      </c>
      <c r="U3" s="49">
        <v>23716815</v>
      </c>
      <c r="V3" s="49">
        <v>22631093</v>
      </c>
      <c r="W3" s="49">
        <v>8243424</v>
      </c>
      <c r="X3" s="49">
        <v>14554045</v>
      </c>
      <c r="Y3" s="49">
        <v>34453238</v>
      </c>
      <c r="Z3" s="49">
        <v>27291110</v>
      </c>
      <c r="AA3" s="49">
        <v>30308394</v>
      </c>
      <c r="AB3" s="49">
        <v>10708987</v>
      </c>
      <c r="AC3" s="49">
        <v>16826962</v>
      </c>
      <c r="AD3" s="49">
        <v>24023686</v>
      </c>
      <c r="AE3" s="49">
        <v>17109329</v>
      </c>
      <c r="AF3" s="49">
        <v>8545867</v>
      </c>
      <c r="AG3" s="49">
        <v>9556124</v>
      </c>
      <c r="AH3" s="49">
        <v>18682498</v>
      </c>
      <c r="AI3" s="49">
        <v>27163239</v>
      </c>
      <c r="AJ3" s="49">
        <v>17902775</v>
      </c>
      <c r="AK3" s="49">
        <v>8963078</v>
      </c>
      <c r="AL3" s="49">
        <v>21667056</v>
      </c>
      <c r="AM3" s="49">
        <v>6443886</v>
      </c>
      <c r="AN3" s="49">
        <v>6175217</v>
      </c>
      <c r="AO3" s="49">
        <v>8541155</v>
      </c>
      <c r="AP3" s="49">
        <v>14491825</v>
      </c>
      <c r="AQ3" s="49">
        <v>10212113</v>
      </c>
      <c r="AR3" s="49">
        <v>7745796</v>
      </c>
      <c r="AS3" s="49">
        <v>8402824</v>
      </c>
      <c r="AT3" s="49">
        <v>5274123</v>
      </c>
      <c r="AU3" s="49">
        <v>7528802</v>
      </c>
      <c r="AV3" s="49">
        <v>1344639</v>
      </c>
      <c r="AW3" s="49">
        <v>2429707</v>
      </c>
      <c r="AX3" s="49">
        <v>4117780</v>
      </c>
      <c r="AY3" s="49">
        <v>4348333</v>
      </c>
      <c r="AZ3" s="49">
        <v>3862742</v>
      </c>
      <c r="BA3" s="49">
        <v>4789462</v>
      </c>
      <c r="BB3" s="49">
        <v>2196613</v>
      </c>
      <c r="BC3" s="49">
        <v>2744238</v>
      </c>
      <c r="BD3" s="49">
        <v>3442844</v>
      </c>
      <c r="BE3" s="49">
        <v>2080120</v>
      </c>
      <c r="BF3" s="49">
        <v>3812219</v>
      </c>
      <c r="BG3" s="49">
        <v>6829729</v>
      </c>
      <c r="BH3" s="49">
        <v>6248835</v>
      </c>
      <c r="BI3" s="49">
        <v>7297095</v>
      </c>
      <c r="BJ3" s="49">
        <v>58102484</v>
      </c>
      <c r="BK3" s="49">
        <v>19343656</v>
      </c>
      <c r="BL3" s="49">
        <v>23159656</v>
      </c>
      <c r="BM3" s="49">
        <v>45959819</v>
      </c>
      <c r="BN3" s="57">
        <v>1138037819</v>
      </c>
    </row>
    <row r="4" spans="1:66" ht="10" customHeight="1">
      <c r="A4" s="206"/>
      <c r="B4" s="16"/>
      <c r="C4" s="222" t="s">
        <v>149</v>
      </c>
      <c r="D4" s="219"/>
      <c r="E4" s="219"/>
      <c r="F4" s="220"/>
      <c r="G4" s="27"/>
      <c r="H4" s="27"/>
      <c r="I4" s="27"/>
      <c r="J4" s="27"/>
      <c r="K4" s="51">
        <v>221886797</v>
      </c>
      <c r="L4" s="51">
        <v>42806017</v>
      </c>
      <c r="M4" s="51">
        <v>41509819</v>
      </c>
      <c r="N4" s="51">
        <v>81000303</v>
      </c>
      <c r="O4" s="51">
        <v>15947076</v>
      </c>
      <c r="P4" s="51">
        <v>52963723</v>
      </c>
      <c r="Q4" s="51">
        <v>18503453</v>
      </c>
      <c r="R4" s="51">
        <v>16786523</v>
      </c>
      <c r="S4" s="51">
        <v>11557626</v>
      </c>
      <c r="T4" s="51">
        <v>14092612</v>
      </c>
      <c r="U4" s="51">
        <v>23716471</v>
      </c>
      <c r="V4" s="51">
        <v>22133383</v>
      </c>
      <c r="W4" s="51">
        <v>8243221</v>
      </c>
      <c r="X4" s="51">
        <v>14353818</v>
      </c>
      <c r="Y4" s="51">
        <v>33752034</v>
      </c>
      <c r="Z4" s="51">
        <v>27287895</v>
      </c>
      <c r="AA4" s="51">
        <v>30276291</v>
      </c>
      <c r="AB4" s="51">
        <v>10637550</v>
      </c>
      <c r="AC4" s="51">
        <v>16726995</v>
      </c>
      <c r="AD4" s="51">
        <v>23623036</v>
      </c>
      <c r="AE4" s="51">
        <v>17107919</v>
      </c>
      <c r="AF4" s="51">
        <v>8545836</v>
      </c>
      <c r="AG4" s="51">
        <v>9555076</v>
      </c>
      <c r="AH4" s="51">
        <v>18681881</v>
      </c>
      <c r="AI4" s="51">
        <v>27153577</v>
      </c>
      <c r="AJ4" s="51">
        <v>17897495</v>
      </c>
      <c r="AK4" s="51">
        <v>8946123</v>
      </c>
      <c r="AL4" s="51">
        <v>21666615</v>
      </c>
      <c r="AM4" s="51">
        <v>6343429</v>
      </c>
      <c r="AN4" s="51">
        <v>6175217</v>
      </c>
      <c r="AO4" s="51">
        <v>8341155</v>
      </c>
      <c r="AP4" s="51">
        <v>14491786</v>
      </c>
      <c r="AQ4" s="51">
        <v>10211537</v>
      </c>
      <c r="AR4" s="51">
        <v>7738621</v>
      </c>
      <c r="AS4" s="51">
        <v>8402354</v>
      </c>
      <c r="AT4" s="51">
        <v>5274123</v>
      </c>
      <c r="AU4" s="51">
        <v>7517886</v>
      </c>
      <c r="AV4" s="51">
        <v>1334579</v>
      </c>
      <c r="AW4" s="51">
        <v>2429707</v>
      </c>
      <c r="AX4" s="51">
        <v>4117094</v>
      </c>
      <c r="AY4" s="51">
        <v>4344997</v>
      </c>
      <c r="AZ4" s="51">
        <v>3862493</v>
      </c>
      <c r="BA4" s="51">
        <v>4789016</v>
      </c>
      <c r="BB4" s="51">
        <v>2183261</v>
      </c>
      <c r="BC4" s="51">
        <v>2744238</v>
      </c>
      <c r="BD4" s="51">
        <v>3442844</v>
      </c>
      <c r="BE4" s="51">
        <v>2080084</v>
      </c>
      <c r="BF4" s="51">
        <v>3811305</v>
      </c>
      <c r="BG4" s="51">
        <v>6829459</v>
      </c>
      <c r="BH4" s="51">
        <v>6248598</v>
      </c>
      <c r="BI4" s="51">
        <v>7096639</v>
      </c>
      <c r="BJ4" s="51">
        <v>55897998</v>
      </c>
      <c r="BK4" s="51">
        <v>19343307</v>
      </c>
      <c r="BL4" s="51">
        <v>23154356</v>
      </c>
      <c r="BM4" s="51">
        <v>43738422</v>
      </c>
      <c r="BN4" s="50">
        <v>1129303670</v>
      </c>
    </row>
    <row r="5" spans="1:66" ht="10" customHeight="1">
      <c r="A5" s="206"/>
      <c r="B5" s="16"/>
      <c r="C5" s="16"/>
      <c r="D5" s="217" t="s">
        <v>150</v>
      </c>
      <c r="E5" s="209"/>
      <c r="F5" s="210"/>
      <c r="G5" s="27"/>
      <c r="H5" s="27"/>
      <c r="I5" s="27"/>
      <c r="J5" s="27"/>
      <c r="K5" s="51">
        <v>3682863</v>
      </c>
      <c r="L5" s="51">
        <v>2177117</v>
      </c>
      <c r="M5" s="51">
        <v>930157</v>
      </c>
      <c r="N5" s="51">
        <v>1320965</v>
      </c>
      <c r="O5" s="51">
        <v>795306</v>
      </c>
      <c r="P5" s="51">
        <v>561413</v>
      </c>
      <c r="Q5" s="51">
        <v>1900692</v>
      </c>
      <c r="R5" s="51">
        <v>372235</v>
      </c>
      <c r="S5" s="51">
        <v>592469</v>
      </c>
      <c r="T5" s="51">
        <v>551565</v>
      </c>
      <c r="U5" s="51">
        <v>1001977</v>
      </c>
      <c r="V5" s="51">
        <v>1145088</v>
      </c>
      <c r="W5" s="51">
        <v>86238</v>
      </c>
      <c r="X5" s="51">
        <v>448580</v>
      </c>
      <c r="Y5" s="51">
        <v>743110</v>
      </c>
      <c r="Z5" s="51">
        <v>1746085</v>
      </c>
      <c r="AA5" s="51">
        <v>899171</v>
      </c>
      <c r="AB5" s="51">
        <v>27931</v>
      </c>
      <c r="AC5" s="51">
        <v>148128</v>
      </c>
      <c r="AD5" s="51">
        <v>1370403</v>
      </c>
      <c r="AE5" s="51">
        <v>2226720</v>
      </c>
      <c r="AF5" s="51">
        <v>171489</v>
      </c>
      <c r="AG5" s="51">
        <v>56761</v>
      </c>
      <c r="AH5" s="51">
        <v>1793034</v>
      </c>
      <c r="AI5" s="51">
        <v>955537</v>
      </c>
      <c r="AJ5" s="51">
        <v>1436922</v>
      </c>
      <c r="AK5" s="51">
        <v>483773</v>
      </c>
      <c r="AL5" s="51">
        <v>473918</v>
      </c>
      <c r="AM5" s="51">
        <v>591636</v>
      </c>
      <c r="AN5" s="51">
        <v>137468</v>
      </c>
      <c r="AO5" s="51">
        <v>561780</v>
      </c>
      <c r="AP5" s="51">
        <v>1041810</v>
      </c>
      <c r="AQ5" s="51">
        <v>431914</v>
      </c>
      <c r="AR5" s="51">
        <v>217870</v>
      </c>
      <c r="AS5" s="51">
        <v>125959</v>
      </c>
      <c r="AT5" s="51">
        <v>209193</v>
      </c>
      <c r="AU5" s="51">
        <v>507180</v>
      </c>
      <c r="AV5" s="51">
        <v>108859</v>
      </c>
      <c r="AW5" s="51">
        <v>76295</v>
      </c>
      <c r="AX5" s="51">
        <v>58306</v>
      </c>
      <c r="AY5" s="51">
        <v>462688</v>
      </c>
      <c r="AZ5" s="51">
        <v>42729</v>
      </c>
      <c r="BA5" s="51">
        <v>153051</v>
      </c>
      <c r="BB5" s="51">
        <v>15552</v>
      </c>
      <c r="BC5" s="51">
        <v>184549</v>
      </c>
      <c r="BD5" s="51">
        <v>161851</v>
      </c>
      <c r="BE5" s="51">
        <v>108108</v>
      </c>
      <c r="BF5" s="51">
        <v>241119</v>
      </c>
      <c r="BG5" s="51">
        <v>285364</v>
      </c>
      <c r="BH5" s="51">
        <v>178740</v>
      </c>
      <c r="BI5" s="51">
        <v>152731</v>
      </c>
      <c r="BJ5" s="51">
        <v>2946442</v>
      </c>
      <c r="BK5" s="51">
        <v>366540</v>
      </c>
      <c r="BL5" s="51">
        <v>872428</v>
      </c>
      <c r="BM5" s="51">
        <v>1209339</v>
      </c>
      <c r="BN5" s="50">
        <v>39549148</v>
      </c>
    </row>
    <row r="6" spans="1:66" ht="10" customHeight="1">
      <c r="A6" s="206"/>
      <c r="B6" s="16"/>
      <c r="C6" s="16"/>
      <c r="D6" s="217" t="s">
        <v>151</v>
      </c>
      <c r="E6" s="209"/>
      <c r="F6" s="210"/>
      <c r="G6" s="27"/>
      <c r="H6" s="27"/>
      <c r="I6" s="27"/>
      <c r="J6" s="27"/>
      <c r="K6" s="51">
        <v>421580023</v>
      </c>
      <c r="L6" s="51">
        <v>87574999</v>
      </c>
      <c r="M6" s="51">
        <v>83239565</v>
      </c>
      <c r="N6" s="51">
        <v>148991918</v>
      </c>
      <c r="O6" s="51">
        <v>32447254</v>
      </c>
      <c r="P6" s="51">
        <v>104934760</v>
      </c>
      <c r="Q6" s="51">
        <v>38042281</v>
      </c>
      <c r="R6" s="51">
        <v>40354099</v>
      </c>
      <c r="S6" s="51">
        <v>26984138</v>
      </c>
      <c r="T6" s="51">
        <v>26008571</v>
      </c>
      <c r="U6" s="51">
        <v>50710850</v>
      </c>
      <c r="V6" s="51">
        <v>43319913</v>
      </c>
      <c r="W6" s="51">
        <v>17665999</v>
      </c>
      <c r="X6" s="51">
        <v>29598212</v>
      </c>
      <c r="Y6" s="51">
        <v>60545273</v>
      </c>
      <c r="Z6" s="51">
        <v>51501196</v>
      </c>
      <c r="AA6" s="51">
        <v>61890928</v>
      </c>
      <c r="AB6" s="51">
        <v>19563356</v>
      </c>
      <c r="AC6" s="51">
        <v>34955084</v>
      </c>
      <c r="AD6" s="51">
        <v>43295677</v>
      </c>
      <c r="AE6" s="51">
        <v>26122981</v>
      </c>
      <c r="AF6" s="51">
        <v>18472128</v>
      </c>
      <c r="AG6" s="51">
        <v>19420884</v>
      </c>
      <c r="AH6" s="51">
        <v>37190782</v>
      </c>
      <c r="AI6" s="51">
        <v>57028502</v>
      </c>
      <c r="AJ6" s="51">
        <v>29974217</v>
      </c>
      <c r="AK6" s="51">
        <v>19442655</v>
      </c>
      <c r="AL6" s="51">
        <v>37277171</v>
      </c>
      <c r="AM6" s="51">
        <v>14194657</v>
      </c>
      <c r="AN6" s="51">
        <v>15334841</v>
      </c>
      <c r="AO6" s="51">
        <v>16685608</v>
      </c>
      <c r="AP6" s="51">
        <v>25586621</v>
      </c>
      <c r="AQ6" s="51">
        <v>21885889</v>
      </c>
      <c r="AR6" s="51">
        <v>16507468</v>
      </c>
      <c r="AS6" s="51">
        <v>15388858</v>
      </c>
      <c r="AT6" s="51">
        <v>10300853</v>
      </c>
      <c r="AU6" s="51">
        <v>15283454</v>
      </c>
      <c r="AV6" s="51">
        <v>3830062</v>
      </c>
      <c r="AW6" s="51">
        <v>4404783</v>
      </c>
      <c r="AX6" s="51">
        <v>8453002</v>
      </c>
      <c r="AY6" s="51">
        <v>10396232</v>
      </c>
      <c r="AZ6" s="51">
        <v>8723051</v>
      </c>
      <c r="BA6" s="51">
        <v>9258545</v>
      </c>
      <c r="BB6" s="51">
        <v>5158351</v>
      </c>
      <c r="BC6" s="51">
        <v>5515173</v>
      </c>
      <c r="BD6" s="51">
        <v>6262043</v>
      </c>
      <c r="BE6" s="51">
        <v>5682269</v>
      </c>
      <c r="BF6" s="51">
        <v>8432637</v>
      </c>
      <c r="BG6" s="51">
        <v>14322206</v>
      </c>
      <c r="BH6" s="51">
        <v>12124762</v>
      </c>
      <c r="BI6" s="51">
        <v>16272237</v>
      </c>
      <c r="BJ6" s="51">
        <v>105517615</v>
      </c>
      <c r="BK6" s="51">
        <v>38435407</v>
      </c>
      <c r="BL6" s="51">
        <v>43805361</v>
      </c>
      <c r="BM6" s="51">
        <v>72319961</v>
      </c>
      <c r="BN6" s="50">
        <v>2198215362</v>
      </c>
    </row>
    <row r="7" spans="1:66" ht="10" customHeight="1">
      <c r="A7" s="206"/>
      <c r="B7" s="16"/>
      <c r="C7" s="16"/>
      <c r="D7" s="217" t="s">
        <v>181</v>
      </c>
      <c r="E7" s="209"/>
      <c r="F7" s="210"/>
      <c r="G7" s="27"/>
      <c r="H7" s="27"/>
      <c r="I7" s="27"/>
      <c r="J7" s="27"/>
      <c r="K7" s="51">
        <v>525285</v>
      </c>
      <c r="L7" s="51">
        <v>0</v>
      </c>
      <c r="M7" s="51">
        <v>2065040</v>
      </c>
      <c r="N7" s="51">
        <v>0</v>
      </c>
      <c r="O7" s="51">
        <v>0</v>
      </c>
      <c r="P7" s="51">
        <v>0</v>
      </c>
      <c r="Q7" s="51">
        <v>0</v>
      </c>
      <c r="R7" s="51">
        <v>0</v>
      </c>
      <c r="S7" s="51">
        <v>0</v>
      </c>
      <c r="T7" s="51">
        <v>0</v>
      </c>
      <c r="U7" s="51">
        <v>0</v>
      </c>
      <c r="V7" s="51">
        <v>0</v>
      </c>
      <c r="W7" s="51">
        <v>0</v>
      </c>
      <c r="X7" s="51">
        <v>0</v>
      </c>
      <c r="Y7" s="51">
        <v>6055</v>
      </c>
      <c r="Z7" s="51">
        <v>0</v>
      </c>
      <c r="AA7" s="51">
        <v>0</v>
      </c>
      <c r="AB7" s="51">
        <v>0</v>
      </c>
      <c r="AC7" s="51">
        <v>0</v>
      </c>
      <c r="AD7" s="51">
        <v>0</v>
      </c>
      <c r="AE7" s="51">
        <v>0</v>
      </c>
      <c r="AF7" s="51">
        <v>0</v>
      </c>
      <c r="AG7" s="51">
        <v>0</v>
      </c>
      <c r="AH7" s="51">
        <v>0</v>
      </c>
      <c r="AI7" s="51">
        <v>0</v>
      </c>
      <c r="AJ7" s="51">
        <v>94396</v>
      </c>
      <c r="AK7" s="51">
        <v>0</v>
      </c>
      <c r="AL7" s="51">
        <v>0</v>
      </c>
      <c r="AM7" s="51">
        <v>0</v>
      </c>
      <c r="AN7" s="51">
        <v>0</v>
      </c>
      <c r="AO7" s="51">
        <v>0</v>
      </c>
      <c r="AP7" s="51">
        <v>0</v>
      </c>
      <c r="AQ7" s="51">
        <v>0</v>
      </c>
      <c r="AR7" s="51">
        <v>0</v>
      </c>
      <c r="AS7" s="51">
        <v>0</v>
      </c>
      <c r="AT7" s="51">
        <v>0</v>
      </c>
      <c r="AU7" s="51">
        <v>14200</v>
      </c>
      <c r="AV7" s="51">
        <v>0</v>
      </c>
      <c r="AW7" s="51">
        <v>0</v>
      </c>
      <c r="AX7" s="51">
        <v>0</v>
      </c>
      <c r="AY7" s="51">
        <v>0</v>
      </c>
      <c r="AZ7" s="51">
        <v>48914</v>
      </c>
      <c r="BA7" s="51">
        <v>0</v>
      </c>
      <c r="BB7" s="51">
        <v>0</v>
      </c>
      <c r="BC7" s="51">
        <v>0</v>
      </c>
      <c r="BD7" s="51">
        <v>0</v>
      </c>
      <c r="BE7" s="51">
        <v>0</v>
      </c>
      <c r="BF7" s="51">
        <v>0</v>
      </c>
      <c r="BG7" s="51">
        <v>0</v>
      </c>
      <c r="BH7" s="51">
        <v>0</v>
      </c>
      <c r="BI7" s="51">
        <v>0</v>
      </c>
      <c r="BJ7" s="51">
        <v>0</v>
      </c>
      <c r="BK7" s="51">
        <v>0</v>
      </c>
      <c r="BL7" s="51">
        <v>0</v>
      </c>
      <c r="BM7" s="51">
        <v>0</v>
      </c>
      <c r="BN7" s="50">
        <v>2753890</v>
      </c>
    </row>
    <row r="8" spans="1:66" ht="10" customHeight="1">
      <c r="A8" s="206"/>
      <c r="B8" s="16"/>
      <c r="C8" s="16"/>
      <c r="D8" s="217" t="s">
        <v>573</v>
      </c>
      <c r="E8" s="209"/>
      <c r="F8" s="210"/>
      <c r="G8" s="27"/>
      <c r="H8" s="27"/>
      <c r="I8" s="27"/>
      <c r="J8" s="27"/>
      <c r="K8" s="77">
        <v>204290635</v>
      </c>
      <c r="L8" s="77">
        <v>47276867</v>
      </c>
      <c r="M8" s="77">
        <v>43690281</v>
      </c>
      <c r="N8" s="77">
        <v>69533638</v>
      </c>
      <c r="O8" s="77">
        <v>17295484</v>
      </c>
      <c r="P8" s="77">
        <v>53013486</v>
      </c>
      <c r="Q8" s="77">
        <v>21485894</v>
      </c>
      <c r="R8" s="77">
        <v>23939811</v>
      </c>
      <c r="S8" s="77">
        <v>16227981</v>
      </c>
      <c r="T8" s="77">
        <v>12608470</v>
      </c>
      <c r="U8" s="77">
        <v>28084649</v>
      </c>
      <c r="V8" s="77">
        <v>22855910</v>
      </c>
      <c r="W8" s="77">
        <v>9669041</v>
      </c>
      <c r="X8" s="77">
        <v>15804756</v>
      </c>
      <c r="Y8" s="77">
        <v>27612446</v>
      </c>
      <c r="Z8" s="77">
        <v>26023067</v>
      </c>
      <c r="AA8" s="77">
        <v>33392423</v>
      </c>
      <c r="AB8" s="77">
        <v>9001218</v>
      </c>
      <c r="AC8" s="77">
        <v>18611483</v>
      </c>
      <c r="AD8" s="77">
        <v>21193737</v>
      </c>
      <c r="AE8" s="77">
        <v>11319601</v>
      </c>
      <c r="AF8" s="77">
        <v>10247781</v>
      </c>
      <c r="AG8" s="77">
        <v>9988793</v>
      </c>
      <c r="AH8" s="77">
        <v>20361050</v>
      </c>
      <c r="AI8" s="77">
        <v>31080925</v>
      </c>
      <c r="AJ8" s="77">
        <v>14187013</v>
      </c>
      <c r="AK8" s="77">
        <v>11092470</v>
      </c>
      <c r="AL8" s="77">
        <v>16187821</v>
      </c>
      <c r="AM8" s="77">
        <v>8442864</v>
      </c>
      <c r="AN8" s="77">
        <v>9443170</v>
      </c>
      <c r="AO8" s="77">
        <v>8983538</v>
      </c>
      <c r="AP8" s="77">
        <v>12338829</v>
      </c>
      <c r="AQ8" s="77">
        <v>12484575</v>
      </c>
      <c r="AR8" s="77">
        <v>9000283</v>
      </c>
      <c r="AS8" s="77">
        <v>7126934</v>
      </c>
      <c r="AT8" s="77">
        <v>5235923</v>
      </c>
      <c r="AU8" s="77">
        <v>8332890</v>
      </c>
      <c r="AV8" s="77">
        <v>2610192</v>
      </c>
      <c r="AW8" s="77">
        <v>2055413</v>
      </c>
      <c r="AX8" s="77">
        <v>4567050</v>
      </c>
      <c r="AY8" s="77">
        <v>6619319</v>
      </c>
      <c r="AZ8" s="77">
        <v>4957852</v>
      </c>
      <c r="BA8" s="77">
        <v>4633640</v>
      </c>
      <c r="BB8" s="77">
        <v>3004422</v>
      </c>
      <c r="BC8" s="77">
        <v>2967294</v>
      </c>
      <c r="BD8" s="77">
        <v>3653244</v>
      </c>
      <c r="BE8" s="77">
        <v>3710293</v>
      </c>
      <c r="BF8" s="77">
        <v>5127890</v>
      </c>
      <c r="BG8" s="77">
        <v>7917905</v>
      </c>
      <c r="BH8" s="77">
        <v>6728674</v>
      </c>
      <c r="BI8" s="77">
        <v>9365490</v>
      </c>
      <c r="BJ8" s="77">
        <v>55289397</v>
      </c>
      <c r="BK8" s="77">
        <v>19509211</v>
      </c>
      <c r="BL8" s="77">
        <v>21737799</v>
      </c>
      <c r="BM8" s="77">
        <v>32541006</v>
      </c>
      <c r="BN8" s="78">
        <v>1124461828</v>
      </c>
    </row>
    <row r="9" spans="1:66" ht="10" customHeight="1">
      <c r="A9" s="206"/>
      <c r="B9" s="16"/>
      <c r="C9" s="16"/>
      <c r="D9" s="217" t="s">
        <v>574</v>
      </c>
      <c r="E9" s="209"/>
      <c r="F9" s="210"/>
      <c r="G9" s="27"/>
      <c r="H9" s="27"/>
      <c r="I9" s="27"/>
      <c r="J9" s="27"/>
      <c r="K9" s="77">
        <v>258744</v>
      </c>
      <c r="L9" s="77">
        <v>0</v>
      </c>
      <c r="M9" s="77">
        <v>741110</v>
      </c>
      <c r="N9" s="77">
        <v>0</v>
      </c>
      <c r="O9" s="77">
        <v>0</v>
      </c>
      <c r="P9" s="77">
        <v>0</v>
      </c>
      <c r="Q9" s="77">
        <v>0</v>
      </c>
      <c r="R9" s="77">
        <v>0</v>
      </c>
      <c r="S9" s="77">
        <v>0</v>
      </c>
      <c r="T9" s="77">
        <v>0</v>
      </c>
      <c r="U9" s="77">
        <v>0</v>
      </c>
      <c r="V9" s="77">
        <v>0</v>
      </c>
      <c r="W9" s="77">
        <v>0</v>
      </c>
      <c r="X9" s="77">
        <v>0</v>
      </c>
      <c r="Y9" s="77">
        <v>0</v>
      </c>
      <c r="Z9" s="77">
        <v>0</v>
      </c>
      <c r="AA9" s="77">
        <v>0</v>
      </c>
      <c r="AB9" s="77">
        <v>0</v>
      </c>
      <c r="AC9" s="77">
        <v>0</v>
      </c>
      <c r="AD9" s="77">
        <v>0</v>
      </c>
      <c r="AE9" s="77">
        <v>0</v>
      </c>
      <c r="AF9" s="77">
        <v>0</v>
      </c>
      <c r="AG9" s="77">
        <v>0</v>
      </c>
      <c r="AH9" s="77">
        <v>0</v>
      </c>
      <c r="AI9" s="77">
        <v>0</v>
      </c>
      <c r="AJ9" s="77">
        <v>60738</v>
      </c>
      <c r="AK9" s="77">
        <v>0</v>
      </c>
      <c r="AL9" s="77">
        <v>0</v>
      </c>
      <c r="AM9" s="77">
        <v>0</v>
      </c>
      <c r="AN9" s="77">
        <v>0</v>
      </c>
      <c r="AO9" s="77">
        <v>0</v>
      </c>
      <c r="AP9" s="77">
        <v>0</v>
      </c>
      <c r="AQ9" s="77">
        <v>0</v>
      </c>
      <c r="AR9" s="77">
        <v>0</v>
      </c>
      <c r="AS9" s="77">
        <v>0</v>
      </c>
      <c r="AT9" s="77">
        <v>0</v>
      </c>
      <c r="AU9" s="77">
        <v>0</v>
      </c>
      <c r="AV9" s="77">
        <v>0</v>
      </c>
      <c r="AW9" s="77">
        <v>0</v>
      </c>
      <c r="AX9" s="77">
        <v>0</v>
      </c>
      <c r="AY9" s="77">
        <v>0</v>
      </c>
      <c r="AZ9" s="77">
        <v>43997</v>
      </c>
      <c r="BA9" s="77">
        <v>0</v>
      </c>
      <c r="BB9" s="77">
        <v>0</v>
      </c>
      <c r="BC9" s="77">
        <v>0</v>
      </c>
      <c r="BD9" s="77">
        <v>0</v>
      </c>
      <c r="BE9" s="77">
        <v>0</v>
      </c>
      <c r="BF9" s="77">
        <v>0</v>
      </c>
      <c r="BG9" s="77">
        <v>0</v>
      </c>
      <c r="BH9" s="77">
        <v>0</v>
      </c>
      <c r="BI9" s="77">
        <v>0</v>
      </c>
      <c r="BJ9" s="77">
        <v>0</v>
      </c>
      <c r="BK9" s="77">
        <v>0</v>
      </c>
      <c r="BL9" s="77">
        <v>0</v>
      </c>
      <c r="BM9" s="77">
        <v>0</v>
      </c>
      <c r="BN9" s="79">
        <v>1104589</v>
      </c>
    </row>
    <row r="10" spans="1:66" ht="10" customHeight="1">
      <c r="A10" s="206"/>
      <c r="B10" s="16"/>
      <c r="C10" s="16"/>
      <c r="D10" s="217" t="s">
        <v>152</v>
      </c>
      <c r="E10" s="209"/>
      <c r="F10" s="210"/>
      <c r="G10" s="27"/>
      <c r="H10" s="27"/>
      <c r="I10" s="27"/>
      <c r="J10" s="27"/>
      <c r="K10" s="51">
        <v>797621</v>
      </c>
      <c r="L10" s="51">
        <v>330768</v>
      </c>
      <c r="M10" s="51">
        <v>1016670</v>
      </c>
      <c r="N10" s="51">
        <v>221058</v>
      </c>
      <c r="O10" s="51">
        <v>0</v>
      </c>
      <c r="P10" s="51">
        <v>481036</v>
      </c>
      <c r="Q10" s="51">
        <v>46374</v>
      </c>
      <c r="R10" s="51">
        <v>0</v>
      </c>
      <c r="S10" s="51">
        <v>209000</v>
      </c>
      <c r="T10" s="51">
        <v>140946</v>
      </c>
      <c r="U10" s="51">
        <v>88293</v>
      </c>
      <c r="V10" s="51">
        <v>524292</v>
      </c>
      <c r="W10" s="51">
        <v>160025</v>
      </c>
      <c r="X10" s="51">
        <v>111782</v>
      </c>
      <c r="Y10" s="51">
        <v>76097</v>
      </c>
      <c r="Z10" s="51">
        <v>63681</v>
      </c>
      <c r="AA10" s="51">
        <v>878615</v>
      </c>
      <c r="AB10" s="51">
        <v>47481</v>
      </c>
      <c r="AC10" s="51">
        <v>235266</v>
      </c>
      <c r="AD10" s="51">
        <v>150691</v>
      </c>
      <c r="AE10" s="51">
        <v>77819</v>
      </c>
      <c r="AF10" s="51">
        <v>150000</v>
      </c>
      <c r="AG10" s="51">
        <v>66224</v>
      </c>
      <c r="AH10" s="51">
        <v>59115</v>
      </c>
      <c r="AI10" s="51">
        <v>250463</v>
      </c>
      <c r="AJ10" s="51">
        <v>673369</v>
      </c>
      <c r="AK10" s="51">
        <v>112165</v>
      </c>
      <c r="AL10" s="51">
        <v>103347</v>
      </c>
      <c r="AM10" s="51">
        <v>0</v>
      </c>
      <c r="AN10" s="51">
        <v>146078</v>
      </c>
      <c r="AO10" s="51">
        <v>77305</v>
      </c>
      <c r="AP10" s="51">
        <v>202184</v>
      </c>
      <c r="AQ10" s="51">
        <v>378309</v>
      </c>
      <c r="AR10" s="51">
        <v>13566</v>
      </c>
      <c r="AS10" s="51">
        <v>14471</v>
      </c>
      <c r="AT10" s="51">
        <v>0</v>
      </c>
      <c r="AU10" s="51">
        <v>60141</v>
      </c>
      <c r="AV10" s="51">
        <v>5850</v>
      </c>
      <c r="AW10" s="51">
        <v>4042</v>
      </c>
      <c r="AX10" s="51">
        <v>172836</v>
      </c>
      <c r="AY10" s="51">
        <v>105396</v>
      </c>
      <c r="AZ10" s="51">
        <v>54565</v>
      </c>
      <c r="BA10" s="51">
        <v>11060</v>
      </c>
      <c r="BB10" s="51">
        <v>13780</v>
      </c>
      <c r="BC10" s="51">
        <v>11810</v>
      </c>
      <c r="BD10" s="51">
        <v>672194</v>
      </c>
      <c r="BE10" s="51">
        <v>0</v>
      </c>
      <c r="BF10" s="51">
        <v>265439</v>
      </c>
      <c r="BG10" s="51">
        <v>139793</v>
      </c>
      <c r="BH10" s="51">
        <v>673770</v>
      </c>
      <c r="BI10" s="51">
        <v>37161</v>
      </c>
      <c r="BJ10" s="51">
        <v>2713823</v>
      </c>
      <c r="BK10" s="51">
        <v>50571</v>
      </c>
      <c r="BL10" s="51">
        <v>214366</v>
      </c>
      <c r="BM10" s="51">
        <v>2750128</v>
      </c>
      <c r="BN10" s="50">
        <v>15860836</v>
      </c>
    </row>
    <row r="11" spans="1:66" ht="10" customHeight="1">
      <c r="A11" s="206"/>
      <c r="B11" s="16"/>
      <c r="C11" s="217" t="s">
        <v>153</v>
      </c>
      <c r="D11" s="209"/>
      <c r="E11" s="209"/>
      <c r="F11" s="210"/>
      <c r="G11" s="27"/>
      <c r="H11" s="27"/>
      <c r="I11" s="27"/>
      <c r="J11" s="27"/>
      <c r="K11" s="51">
        <v>65666</v>
      </c>
      <c r="L11" s="51">
        <v>49521</v>
      </c>
      <c r="M11" s="51">
        <v>912</v>
      </c>
      <c r="N11" s="51">
        <v>0</v>
      </c>
      <c r="O11" s="51">
        <v>16</v>
      </c>
      <c r="P11" s="51">
        <v>16498</v>
      </c>
      <c r="Q11" s="51">
        <v>9289</v>
      </c>
      <c r="R11" s="51">
        <v>0</v>
      </c>
      <c r="S11" s="51">
        <v>9965</v>
      </c>
      <c r="T11" s="51">
        <v>28978</v>
      </c>
      <c r="U11" s="51">
        <v>344</v>
      </c>
      <c r="V11" s="51">
        <v>254</v>
      </c>
      <c r="W11" s="51">
        <v>203</v>
      </c>
      <c r="X11" s="51">
        <v>227</v>
      </c>
      <c r="Y11" s="51">
        <v>1188</v>
      </c>
      <c r="Z11" s="51">
        <v>1553</v>
      </c>
      <c r="AA11" s="51">
        <v>28813</v>
      </c>
      <c r="AB11" s="51">
        <v>12493</v>
      </c>
      <c r="AC11" s="51">
        <v>164</v>
      </c>
      <c r="AD11" s="51">
        <v>650</v>
      </c>
      <c r="AE11" s="51">
        <v>1400</v>
      </c>
      <c r="AF11" s="51">
        <v>31</v>
      </c>
      <c r="AG11" s="51">
        <v>1048</v>
      </c>
      <c r="AH11" s="51">
        <v>617</v>
      </c>
      <c r="AI11" s="51">
        <v>9579</v>
      </c>
      <c r="AJ11" s="51">
        <v>5280</v>
      </c>
      <c r="AK11" s="51">
        <v>16955</v>
      </c>
      <c r="AL11" s="51">
        <v>441</v>
      </c>
      <c r="AM11" s="51">
        <v>457</v>
      </c>
      <c r="AN11" s="51">
        <v>0</v>
      </c>
      <c r="AO11" s="51">
        <v>0</v>
      </c>
      <c r="AP11" s="51">
        <v>39</v>
      </c>
      <c r="AQ11" s="51">
        <v>576</v>
      </c>
      <c r="AR11" s="51">
        <v>7175</v>
      </c>
      <c r="AS11" s="51">
        <v>470</v>
      </c>
      <c r="AT11" s="51">
        <v>0</v>
      </c>
      <c r="AU11" s="51">
        <v>10916</v>
      </c>
      <c r="AV11" s="51">
        <v>10060</v>
      </c>
      <c r="AW11" s="51">
        <v>0</v>
      </c>
      <c r="AX11" s="51">
        <v>686</v>
      </c>
      <c r="AY11" s="51">
        <v>3336</v>
      </c>
      <c r="AZ11" s="51">
        <v>249</v>
      </c>
      <c r="BA11" s="51">
        <v>446</v>
      </c>
      <c r="BB11" s="51">
        <v>13352</v>
      </c>
      <c r="BC11" s="51">
        <v>0</v>
      </c>
      <c r="BD11" s="51">
        <v>0</v>
      </c>
      <c r="BE11" s="51">
        <v>36</v>
      </c>
      <c r="BF11" s="51">
        <v>914</v>
      </c>
      <c r="BG11" s="51">
        <v>270</v>
      </c>
      <c r="BH11" s="51">
        <v>237</v>
      </c>
      <c r="BI11" s="51">
        <v>399</v>
      </c>
      <c r="BJ11" s="51">
        <v>1088</v>
      </c>
      <c r="BK11" s="51">
        <v>349</v>
      </c>
      <c r="BL11" s="51">
        <v>5300</v>
      </c>
      <c r="BM11" s="51">
        <v>2221397</v>
      </c>
      <c r="BN11" s="50">
        <v>2539837</v>
      </c>
    </row>
    <row r="12" spans="1:66" ht="10" customHeight="1">
      <c r="A12" s="206"/>
      <c r="B12" s="17"/>
      <c r="C12" s="217" t="s">
        <v>182</v>
      </c>
      <c r="D12" s="209"/>
      <c r="E12" s="209"/>
      <c r="F12" s="210"/>
      <c r="G12" s="27"/>
      <c r="H12" s="27"/>
      <c r="I12" s="27"/>
      <c r="J12" s="27"/>
      <c r="K12" s="51">
        <v>1750</v>
      </c>
      <c r="L12" s="51">
        <v>0</v>
      </c>
      <c r="M12" s="51">
        <v>215212</v>
      </c>
      <c r="N12" s="51">
        <v>12631</v>
      </c>
      <c r="O12" s="51">
        <v>500000</v>
      </c>
      <c r="P12" s="51">
        <v>300000</v>
      </c>
      <c r="Q12" s="51">
        <v>0</v>
      </c>
      <c r="R12" s="51">
        <v>0</v>
      </c>
      <c r="S12" s="51">
        <v>100000</v>
      </c>
      <c r="T12" s="51">
        <v>400000</v>
      </c>
      <c r="U12" s="51">
        <v>0</v>
      </c>
      <c r="V12" s="51">
        <v>497456</v>
      </c>
      <c r="W12" s="51">
        <v>0</v>
      </c>
      <c r="X12" s="51">
        <v>200000</v>
      </c>
      <c r="Y12" s="51">
        <v>700016</v>
      </c>
      <c r="Z12" s="51">
        <v>1662</v>
      </c>
      <c r="AA12" s="51">
        <v>3290</v>
      </c>
      <c r="AB12" s="51">
        <v>58944</v>
      </c>
      <c r="AC12" s="51">
        <v>99803</v>
      </c>
      <c r="AD12" s="51">
        <v>400000</v>
      </c>
      <c r="AE12" s="51">
        <v>10</v>
      </c>
      <c r="AF12" s="51">
        <v>0</v>
      </c>
      <c r="AG12" s="51">
        <v>0</v>
      </c>
      <c r="AH12" s="51">
        <v>0</v>
      </c>
      <c r="AI12" s="51">
        <v>83</v>
      </c>
      <c r="AJ12" s="51">
        <v>0</v>
      </c>
      <c r="AK12" s="51">
        <v>0</v>
      </c>
      <c r="AL12" s="51">
        <v>0</v>
      </c>
      <c r="AM12" s="51">
        <v>100000</v>
      </c>
      <c r="AN12" s="51">
        <v>0</v>
      </c>
      <c r="AO12" s="51">
        <v>200000</v>
      </c>
      <c r="AP12" s="51">
        <v>0</v>
      </c>
      <c r="AQ12" s="51">
        <v>0</v>
      </c>
      <c r="AR12" s="51">
        <v>0</v>
      </c>
      <c r="AS12" s="51">
        <v>0</v>
      </c>
      <c r="AT12" s="51">
        <v>0</v>
      </c>
      <c r="AU12" s="51">
        <v>0</v>
      </c>
      <c r="AV12" s="51">
        <v>0</v>
      </c>
      <c r="AW12" s="51">
        <v>0</v>
      </c>
      <c r="AX12" s="51">
        <v>0</v>
      </c>
      <c r="AY12" s="51">
        <v>0</v>
      </c>
      <c r="AZ12" s="51">
        <v>0</v>
      </c>
      <c r="BA12" s="51">
        <v>0</v>
      </c>
      <c r="BB12" s="51">
        <v>0</v>
      </c>
      <c r="BC12" s="51">
        <v>0</v>
      </c>
      <c r="BD12" s="51">
        <v>0</v>
      </c>
      <c r="BE12" s="51">
        <v>0</v>
      </c>
      <c r="BF12" s="51">
        <v>0</v>
      </c>
      <c r="BG12" s="51">
        <v>0</v>
      </c>
      <c r="BH12" s="51">
        <v>0</v>
      </c>
      <c r="BI12" s="51">
        <v>200057</v>
      </c>
      <c r="BJ12" s="51">
        <v>2203398</v>
      </c>
      <c r="BK12" s="51">
        <v>0</v>
      </c>
      <c r="BL12" s="51">
        <v>0</v>
      </c>
      <c r="BM12" s="51">
        <v>0</v>
      </c>
      <c r="BN12" s="50">
        <v>6194312</v>
      </c>
    </row>
    <row r="13" spans="1:66" ht="10" customHeight="1">
      <c r="A13" s="206"/>
      <c r="B13" s="222" t="s">
        <v>154</v>
      </c>
      <c r="C13" s="219"/>
      <c r="D13" s="219"/>
      <c r="E13" s="219"/>
      <c r="F13" s="220"/>
      <c r="G13" s="27"/>
      <c r="H13" s="27"/>
      <c r="I13" s="27"/>
      <c r="J13" s="27"/>
      <c r="K13" s="51">
        <v>21036677</v>
      </c>
      <c r="L13" s="51">
        <v>5849501</v>
      </c>
      <c r="M13" s="51">
        <v>3992065</v>
      </c>
      <c r="N13" s="51">
        <v>6276449</v>
      </c>
      <c r="O13" s="51">
        <v>2172982</v>
      </c>
      <c r="P13" s="51">
        <v>5293098</v>
      </c>
      <c r="Q13" s="51">
        <v>1531206</v>
      </c>
      <c r="R13" s="51">
        <v>3431318</v>
      </c>
      <c r="S13" s="51">
        <v>1580948</v>
      </c>
      <c r="T13" s="51">
        <v>1780937</v>
      </c>
      <c r="U13" s="51">
        <v>3004198</v>
      </c>
      <c r="V13" s="51">
        <v>3268843</v>
      </c>
      <c r="W13" s="51">
        <v>1991162</v>
      </c>
      <c r="X13" s="51">
        <v>2121350</v>
      </c>
      <c r="Y13" s="51">
        <v>1791653</v>
      </c>
      <c r="Z13" s="51">
        <v>4363243</v>
      </c>
      <c r="AA13" s="51">
        <v>6133870</v>
      </c>
      <c r="AB13" s="51">
        <v>1153631</v>
      </c>
      <c r="AC13" s="51">
        <v>2572351</v>
      </c>
      <c r="AD13" s="51">
        <v>2472529</v>
      </c>
      <c r="AE13" s="51">
        <v>2439018</v>
      </c>
      <c r="AF13" s="51">
        <v>2066748</v>
      </c>
      <c r="AG13" s="51">
        <v>1047323</v>
      </c>
      <c r="AH13" s="51">
        <v>2970869</v>
      </c>
      <c r="AI13" s="51">
        <v>3197768</v>
      </c>
      <c r="AJ13" s="51">
        <v>2728456</v>
      </c>
      <c r="AK13" s="51">
        <v>2513711</v>
      </c>
      <c r="AL13" s="51">
        <v>2400996</v>
      </c>
      <c r="AM13" s="51">
        <v>1706232</v>
      </c>
      <c r="AN13" s="51">
        <v>1775659</v>
      </c>
      <c r="AO13" s="51">
        <v>2296151</v>
      </c>
      <c r="AP13" s="51">
        <v>1256904</v>
      </c>
      <c r="AQ13" s="51">
        <v>1488125</v>
      </c>
      <c r="AR13" s="51">
        <v>2157117</v>
      </c>
      <c r="AS13" s="51">
        <v>1619585</v>
      </c>
      <c r="AT13" s="51">
        <v>1117182</v>
      </c>
      <c r="AU13" s="51">
        <v>787271</v>
      </c>
      <c r="AV13" s="51">
        <v>504122</v>
      </c>
      <c r="AW13" s="51">
        <v>1248987</v>
      </c>
      <c r="AX13" s="51">
        <v>2083523</v>
      </c>
      <c r="AY13" s="51">
        <v>1314940</v>
      </c>
      <c r="AZ13" s="51">
        <v>549435</v>
      </c>
      <c r="BA13" s="51">
        <v>778098</v>
      </c>
      <c r="BB13" s="51">
        <v>698876</v>
      </c>
      <c r="BC13" s="51">
        <v>219500</v>
      </c>
      <c r="BD13" s="51">
        <v>1092977</v>
      </c>
      <c r="BE13" s="51">
        <v>191392</v>
      </c>
      <c r="BF13" s="51">
        <v>680653</v>
      </c>
      <c r="BG13" s="51">
        <v>923616</v>
      </c>
      <c r="BH13" s="51">
        <v>1556490</v>
      </c>
      <c r="BI13" s="51">
        <v>780044</v>
      </c>
      <c r="BJ13" s="51">
        <v>8690644</v>
      </c>
      <c r="BK13" s="51">
        <v>3489743</v>
      </c>
      <c r="BL13" s="51">
        <v>2585833</v>
      </c>
      <c r="BM13" s="51">
        <v>5644763</v>
      </c>
      <c r="BN13" s="50">
        <v>148420762</v>
      </c>
    </row>
    <row r="14" spans="1:66" ht="10" customHeight="1">
      <c r="A14" s="206"/>
      <c r="B14" s="16"/>
      <c r="C14" s="217" t="s">
        <v>155</v>
      </c>
      <c r="D14" s="209"/>
      <c r="E14" s="209"/>
      <c r="F14" s="210"/>
      <c r="G14" s="27"/>
      <c r="H14" s="27"/>
      <c r="I14" s="27"/>
      <c r="J14" s="27"/>
      <c r="K14" s="51">
        <v>15796920</v>
      </c>
      <c r="L14" s="51">
        <v>5151106</v>
      </c>
      <c r="M14" s="51">
        <v>3081652</v>
      </c>
      <c r="N14" s="51">
        <v>4905069</v>
      </c>
      <c r="O14" s="51">
        <v>1859977</v>
      </c>
      <c r="P14" s="51">
        <v>4295781</v>
      </c>
      <c r="Q14" s="51">
        <v>1225495</v>
      </c>
      <c r="R14" s="51">
        <v>3098030</v>
      </c>
      <c r="S14" s="51">
        <v>1453761</v>
      </c>
      <c r="T14" s="51">
        <v>1628645</v>
      </c>
      <c r="U14" s="51">
        <v>2535970</v>
      </c>
      <c r="V14" s="51">
        <v>2956412</v>
      </c>
      <c r="W14" s="51">
        <v>1809221</v>
      </c>
      <c r="X14" s="51">
        <v>1727613</v>
      </c>
      <c r="Y14" s="51">
        <v>1300207</v>
      </c>
      <c r="Z14" s="51">
        <v>3777180</v>
      </c>
      <c r="AA14" s="51">
        <v>5499606</v>
      </c>
      <c r="AB14" s="51">
        <v>973986</v>
      </c>
      <c r="AC14" s="51">
        <v>2168488</v>
      </c>
      <c r="AD14" s="51">
        <v>2170457</v>
      </c>
      <c r="AE14" s="51">
        <v>2081027</v>
      </c>
      <c r="AF14" s="51">
        <v>1953724</v>
      </c>
      <c r="AG14" s="51">
        <v>853788</v>
      </c>
      <c r="AH14" s="51">
        <v>2469631</v>
      </c>
      <c r="AI14" s="51">
        <v>2427321</v>
      </c>
      <c r="AJ14" s="51">
        <v>2377895</v>
      </c>
      <c r="AK14" s="51">
        <v>2305184</v>
      </c>
      <c r="AL14" s="51">
        <v>1960823</v>
      </c>
      <c r="AM14" s="51">
        <v>1538564</v>
      </c>
      <c r="AN14" s="51">
        <v>1713085</v>
      </c>
      <c r="AO14" s="51">
        <v>1984512</v>
      </c>
      <c r="AP14" s="51">
        <v>1069698</v>
      </c>
      <c r="AQ14" s="51">
        <v>1182675</v>
      </c>
      <c r="AR14" s="51">
        <v>1932081</v>
      </c>
      <c r="AS14" s="51">
        <v>1504620</v>
      </c>
      <c r="AT14" s="51">
        <v>1033961</v>
      </c>
      <c r="AU14" s="51">
        <v>683779</v>
      </c>
      <c r="AV14" s="51">
        <v>489627</v>
      </c>
      <c r="AW14" s="51">
        <v>1167410</v>
      </c>
      <c r="AX14" s="51">
        <v>1970634</v>
      </c>
      <c r="AY14" s="51">
        <v>1285253</v>
      </c>
      <c r="AZ14" s="51">
        <v>531699</v>
      </c>
      <c r="BA14" s="51">
        <v>752839</v>
      </c>
      <c r="BB14" s="51">
        <v>669929</v>
      </c>
      <c r="BC14" s="51">
        <v>190717</v>
      </c>
      <c r="BD14" s="51">
        <v>728250</v>
      </c>
      <c r="BE14" s="51">
        <v>167767</v>
      </c>
      <c r="BF14" s="51">
        <v>661492</v>
      </c>
      <c r="BG14" s="51">
        <v>779762</v>
      </c>
      <c r="BH14" s="51">
        <v>1409857</v>
      </c>
      <c r="BI14" s="51">
        <v>626695</v>
      </c>
      <c r="BJ14" s="51">
        <v>7629772</v>
      </c>
      <c r="BK14" s="51">
        <v>2123816</v>
      </c>
      <c r="BL14" s="51">
        <v>2063824</v>
      </c>
      <c r="BM14" s="51">
        <v>3911755</v>
      </c>
      <c r="BN14" s="50">
        <v>123649042</v>
      </c>
    </row>
    <row r="15" spans="1:66" ht="10" customHeight="1">
      <c r="A15" s="206"/>
      <c r="B15" s="16"/>
      <c r="C15" s="217" t="s">
        <v>552</v>
      </c>
      <c r="D15" s="209"/>
      <c r="E15" s="209"/>
      <c r="F15" s="210"/>
      <c r="G15" s="27"/>
      <c r="H15" s="27"/>
      <c r="I15" s="27"/>
      <c r="J15" s="27"/>
      <c r="K15" s="51">
        <v>3041816</v>
      </c>
      <c r="L15" s="51">
        <v>635182</v>
      </c>
      <c r="M15" s="51">
        <v>472068</v>
      </c>
      <c r="N15" s="51">
        <v>1301008</v>
      </c>
      <c r="O15" s="51">
        <v>284337</v>
      </c>
      <c r="P15" s="51">
        <v>702972</v>
      </c>
      <c r="Q15" s="51">
        <v>255013</v>
      </c>
      <c r="R15" s="51">
        <v>304538</v>
      </c>
      <c r="S15" s="51">
        <v>123347</v>
      </c>
      <c r="T15" s="51">
        <v>48107</v>
      </c>
      <c r="U15" s="51">
        <v>373160</v>
      </c>
      <c r="V15" s="51">
        <v>283671</v>
      </c>
      <c r="W15" s="51">
        <v>54719</v>
      </c>
      <c r="X15" s="51">
        <v>345063</v>
      </c>
      <c r="Y15" s="51">
        <v>333888</v>
      </c>
      <c r="Z15" s="51">
        <v>381377</v>
      </c>
      <c r="AA15" s="51">
        <v>535037</v>
      </c>
      <c r="AB15" s="51">
        <v>130457</v>
      </c>
      <c r="AC15" s="51">
        <v>393614</v>
      </c>
      <c r="AD15" s="51">
        <v>127876</v>
      </c>
      <c r="AE15" s="51">
        <v>340133</v>
      </c>
      <c r="AF15" s="51">
        <v>113891</v>
      </c>
      <c r="AG15" s="51">
        <v>84945</v>
      </c>
      <c r="AH15" s="51">
        <v>363845</v>
      </c>
      <c r="AI15" s="51">
        <v>631962</v>
      </c>
      <c r="AJ15" s="51">
        <v>280462</v>
      </c>
      <c r="AK15" s="51">
        <v>181614</v>
      </c>
      <c r="AL15" s="51">
        <v>221729</v>
      </c>
      <c r="AM15" s="51">
        <v>154133</v>
      </c>
      <c r="AN15" s="51">
        <v>59264</v>
      </c>
      <c r="AO15" s="51">
        <v>170755</v>
      </c>
      <c r="AP15" s="51">
        <v>158527</v>
      </c>
      <c r="AQ15" s="51">
        <v>293805</v>
      </c>
      <c r="AR15" s="51">
        <v>219496</v>
      </c>
      <c r="AS15" s="51">
        <v>112771</v>
      </c>
      <c r="AT15" s="51">
        <v>76259</v>
      </c>
      <c r="AU15" s="51">
        <v>74311</v>
      </c>
      <c r="AV15" s="51">
        <v>11273</v>
      </c>
      <c r="AW15" s="51">
        <v>70489</v>
      </c>
      <c r="AX15" s="51">
        <v>51857</v>
      </c>
      <c r="AY15" s="51">
        <v>27935</v>
      </c>
      <c r="AZ15" s="51">
        <v>8039</v>
      </c>
      <c r="BA15" s="51">
        <v>15819</v>
      </c>
      <c r="BB15" s="51">
        <v>11004</v>
      </c>
      <c r="BC15" s="51">
        <v>23884</v>
      </c>
      <c r="BD15" s="51">
        <v>363358</v>
      </c>
      <c r="BE15" s="51">
        <v>24659</v>
      </c>
      <c r="BF15" s="51">
        <v>19553</v>
      </c>
      <c r="BG15" s="51">
        <v>104429</v>
      </c>
      <c r="BH15" s="51">
        <v>145079</v>
      </c>
      <c r="BI15" s="51">
        <v>147410</v>
      </c>
      <c r="BJ15" s="51">
        <v>739459</v>
      </c>
      <c r="BK15" s="51">
        <v>512566</v>
      </c>
      <c r="BL15" s="51">
        <v>330622</v>
      </c>
      <c r="BM15" s="51">
        <v>1593492</v>
      </c>
      <c r="BN15" s="50">
        <v>17866079</v>
      </c>
    </row>
    <row r="16" spans="1:66" ht="10" customHeight="1">
      <c r="A16" s="206"/>
      <c r="B16" s="16"/>
      <c r="C16" s="217" t="s">
        <v>575</v>
      </c>
      <c r="D16" s="209"/>
      <c r="E16" s="209"/>
      <c r="F16" s="210"/>
      <c r="G16" s="27"/>
      <c r="H16" s="27"/>
      <c r="I16" s="27"/>
      <c r="J16" s="27"/>
      <c r="K16" s="77">
        <v>10209</v>
      </c>
      <c r="L16" s="77">
        <v>16810</v>
      </c>
      <c r="M16" s="77">
        <v>9959</v>
      </c>
      <c r="N16" s="77">
        <v>8116</v>
      </c>
      <c r="O16" s="77">
        <v>18312</v>
      </c>
      <c r="P16" s="77">
        <v>2462</v>
      </c>
      <c r="Q16" s="77">
        <v>2823</v>
      </c>
      <c r="R16" s="77">
        <v>3000</v>
      </c>
      <c r="S16" s="77">
        <v>4491</v>
      </c>
      <c r="T16" s="77">
        <v>1011</v>
      </c>
      <c r="U16" s="77">
        <v>14114</v>
      </c>
      <c r="V16" s="77">
        <v>9208</v>
      </c>
      <c r="W16" s="77">
        <v>5013</v>
      </c>
      <c r="X16" s="77">
        <v>682</v>
      </c>
      <c r="Y16" s="77">
        <v>15844</v>
      </c>
      <c r="Z16" s="77">
        <v>7842</v>
      </c>
      <c r="AA16" s="77">
        <v>0</v>
      </c>
      <c r="AB16" s="77">
        <v>4421</v>
      </c>
      <c r="AC16" s="77">
        <v>2883</v>
      </c>
      <c r="AD16" s="77">
        <v>1251</v>
      </c>
      <c r="AE16" s="77">
        <v>1626</v>
      </c>
      <c r="AF16" s="77">
        <v>2527</v>
      </c>
      <c r="AG16" s="77">
        <v>844</v>
      </c>
      <c r="AH16" s="77">
        <v>1145</v>
      </c>
      <c r="AI16" s="77">
        <v>2271</v>
      </c>
      <c r="AJ16" s="77">
        <v>1087</v>
      </c>
      <c r="AK16" s="77">
        <v>6789</v>
      </c>
      <c r="AL16" s="77">
        <v>2058</v>
      </c>
      <c r="AM16" s="77">
        <v>706</v>
      </c>
      <c r="AN16" s="77">
        <v>810</v>
      </c>
      <c r="AO16" s="77">
        <v>191</v>
      </c>
      <c r="AP16" s="77">
        <v>1547</v>
      </c>
      <c r="AQ16" s="77">
        <v>2218</v>
      </c>
      <c r="AR16" s="77">
        <v>273</v>
      </c>
      <c r="AS16" s="77">
        <v>492</v>
      </c>
      <c r="AT16" s="77">
        <v>226</v>
      </c>
      <c r="AU16" s="77">
        <v>2890</v>
      </c>
      <c r="AV16" s="77">
        <v>184</v>
      </c>
      <c r="AW16" s="77">
        <v>4988</v>
      </c>
      <c r="AX16" s="77">
        <v>869</v>
      </c>
      <c r="AY16" s="77">
        <v>0</v>
      </c>
      <c r="AZ16" s="77">
        <v>69</v>
      </c>
      <c r="BA16" s="77">
        <v>265</v>
      </c>
      <c r="BB16" s="77">
        <v>0</v>
      </c>
      <c r="BC16" s="77">
        <v>125</v>
      </c>
      <c r="BD16" s="77">
        <v>1070</v>
      </c>
      <c r="BE16" s="77">
        <v>1729</v>
      </c>
      <c r="BF16" s="77">
        <v>2504</v>
      </c>
      <c r="BG16" s="77">
        <v>985</v>
      </c>
      <c r="BH16" s="77">
        <v>1643</v>
      </c>
      <c r="BI16" s="77">
        <v>459</v>
      </c>
      <c r="BJ16" s="77">
        <v>5451</v>
      </c>
      <c r="BK16" s="77">
        <v>9522</v>
      </c>
      <c r="BL16" s="77">
        <v>17377</v>
      </c>
      <c r="BM16" s="77">
        <v>1591831</v>
      </c>
      <c r="BN16" s="79">
        <v>1805222</v>
      </c>
    </row>
    <row r="17" spans="1:66" ht="10" customHeight="1">
      <c r="A17" s="206"/>
      <c r="B17" s="16"/>
      <c r="C17" s="217" t="s">
        <v>156</v>
      </c>
      <c r="D17" s="209"/>
      <c r="E17" s="209"/>
      <c r="F17" s="210"/>
      <c r="G17" s="27"/>
      <c r="H17" s="27"/>
      <c r="I17" s="27"/>
      <c r="J17" s="27"/>
      <c r="K17" s="51">
        <v>444990</v>
      </c>
      <c r="L17" s="51">
        <v>79825</v>
      </c>
      <c r="M17" s="51">
        <v>29674</v>
      </c>
      <c r="N17" s="51">
        <v>78488</v>
      </c>
      <c r="O17" s="51">
        <v>18178</v>
      </c>
      <c r="P17" s="51">
        <v>53010</v>
      </c>
      <c r="Q17" s="51">
        <v>20741</v>
      </c>
      <c r="R17" s="51">
        <v>31750</v>
      </c>
      <c r="S17" s="51">
        <v>8331</v>
      </c>
      <c r="T17" s="51">
        <v>11795</v>
      </c>
      <c r="U17" s="51">
        <v>25782</v>
      </c>
      <c r="V17" s="51">
        <v>37968</v>
      </c>
      <c r="W17" s="51">
        <v>28326</v>
      </c>
      <c r="X17" s="51">
        <v>15456</v>
      </c>
      <c r="Y17" s="51">
        <v>12298</v>
      </c>
      <c r="Z17" s="51">
        <v>32373</v>
      </c>
      <c r="AA17" s="51">
        <v>32791</v>
      </c>
      <c r="AB17" s="51">
        <v>4982</v>
      </c>
      <c r="AC17" s="51">
        <v>12263</v>
      </c>
      <c r="AD17" s="51">
        <v>29748</v>
      </c>
      <c r="AE17" s="51">
        <v>19484</v>
      </c>
      <c r="AF17" s="51">
        <v>660</v>
      </c>
      <c r="AG17" s="51">
        <v>9434</v>
      </c>
      <c r="AH17" s="51">
        <v>1218</v>
      </c>
      <c r="AI17" s="51">
        <v>11340</v>
      </c>
      <c r="AJ17" s="51">
        <v>22636</v>
      </c>
      <c r="AK17" s="51">
        <v>5542</v>
      </c>
      <c r="AL17" s="51">
        <v>32380</v>
      </c>
      <c r="AM17" s="51">
        <v>4039</v>
      </c>
      <c r="AN17" s="51">
        <v>4120</v>
      </c>
      <c r="AO17" s="51">
        <v>1595</v>
      </c>
      <c r="AP17" s="51">
        <v>5045</v>
      </c>
      <c r="AQ17" s="51">
        <v>13837</v>
      </c>
      <c r="AR17" s="51">
        <v>5813</v>
      </c>
      <c r="AS17" s="51">
        <v>1687</v>
      </c>
      <c r="AT17" s="51">
        <v>7188</v>
      </c>
      <c r="AU17" s="51">
        <v>19505</v>
      </c>
      <c r="AV17" s="51">
        <v>3405</v>
      </c>
      <c r="AW17" s="51">
        <v>11076</v>
      </c>
      <c r="AX17" s="51">
        <v>5501</v>
      </c>
      <c r="AY17" s="51">
        <v>0</v>
      </c>
      <c r="AZ17" s="51">
        <v>9765</v>
      </c>
      <c r="BA17" s="51">
        <v>9705</v>
      </c>
      <c r="BB17" s="51">
        <v>2872</v>
      </c>
      <c r="BC17" s="51">
        <v>4687</v>
      </c>
      <c r="BD17" s="51">
        <v>1239</v>
      </c>
      <c r="BE17" s="51">
        <v>695</v>
      </c>
      <c r="BF17" s="51">
        <v>2110</v>
      </c>
      <c r="BG17" s="51">
        <v>40410</v>
      </c>
      <c r="BH17" s="51">
        <v>3197</v>
      </c>
      <c r="BI17" s="51">
        <v>1920</v>
      </c>
      <c r="BJ17" s="51">
        <v>15337</v>
      </c>
      <c r="BK17" s="51">
        <v>43042</v>
      </c>
      <c r="BL17" s="51">
        <v>28844</v>
      </c>
      <c r="BM17" s="51">
        <v>39643</v>
      </c>
      <c r="BN17" s="50">
        <v>1397740</v>
      </c>
    </row>
    <row r="18" spans="1:66" ht="10" customHeight="1">
      <c r="A18" s="206"/>
      <c r="B18" s="17"/>
      <c r="C18" s="217" t="s">
        <v>157</v>
      </c>
      <c r="D18" s="209"/>
      <c r="E18" s="209"/>
      <c r="F18" s="210"/>
      <c r="G18" s="27"/>
      <c r="H18" s="27"/>
      <c r="I18" s="27"/>
      <c r="J18" s="27"/>
      <c r="K18" s="51">
        <v>0</v>
      </c>
      <c r="L18" s="51">
        <v>197</v>
      </c>
      <c r="M18" s="51">
        <v>15280</v>
      </c>
      <c r="N18" s="51">
        <v>0</v>
      </c>
      <c r="O18" s="51">
        <v>0</v>
      </c>
      <c r="P18" s="51">
        <v>0</v>
      </c>
      <c r="Q18" s="51">
        <v>0</v>
      </c>
      <c r="R18" s="51">
        <v>0</v>
      </c>
      <c r="S18" s="51">
        <v>0</v>
      </c>
      <c r="T18" s="51">
        <v>0</v>
      </c>
      <c r="U18" s="51">
        <v>0</v>
      </c>
      <c r="V18" s="51">
        <v>0</v>
      </c>
      <c r="W18" s="51">
        <v>0</v>
      </c>
      <c r="X18" s="51">
        <v>0</v>
      </c>
      <c r="Y18" s="51">
        <v>0</v>
      </c>
      <c r="Z18" s="51">
        <v>0</v>
      </c>
      <c r="AA18" s="51">
        <v>0</v>
      </c>
      <c r="AB18" s="51">
        <v>0</v>
      </c>
      <c r="AC18" s="51">
        <v>0</v>
      </c>
      <c r="AD18" s="51">
        <v>0</v>
      </c>
      <c r="AE18" s="51">
        <v>0</v>
      </c>
      <c r="AF18" s="51">
        <v>1000</v>
      </c>
      <c r="AG18" s="51">
        <v>0</v>
      </c>
      <c r="AH18" s="51">
        <v>0</v>
      </c>
      <c r="AI18" s="51">
        <v>0</v>
      </c>
      <c r="AJ18" s="51">
        <v>0</v>
      </c>
      <c r="AK18" s="51">
        <v>0</v>
      </c>
      <c r="AL18" s="51">
        <v>0</v>
      </c>
      <c r="AM18" s="51">
        <v>0</v>
      </c>
      <c r="AN18" s="51">
        <v>0</v>
      </c>
      <c r="AO18" s="51">
        <v>0</v>
      </c>
      <c r="AP18" s="51">
        <v>0</v>
      </c>
      <c r="AQ18" s="51">
        <v>0</v>
      </c>
      <c r="AR18" s="51">
        <v>0</v>
      </c>
      <c r="AS18" s="51">
        <v>0</v>
      </c>
      <c r="AT18" s="51">
        <v>0</v>
      </c>
      <c r="AU18" s="51">
        <v>0</v>
      </c>
      <c r="AV18" s="51">
        <v>0</v>
      </c>
      <c r="AW18" s="51">
        <v>5000</v>
      </c>
      <c r="AX18" s="51">
        <v>0</v>
      </c>
      <c r="AY18" s="51">
        <v>1635</v>
      </c>
      <c r="AZ18" s="51">
        <v>0</v>
      </c>
      <c r="BA18" s="51">
        <v>0</v>
      </c>
      <c r="BB18" s="51">
        <v>0</v>
      </c>
      <c r="BC18" s="51">
        <v>0</v>
      </c>
      <c r="BD18" s="51">
        <v>1200</v>
      </c>
      <c r="BE18" s="51">
        <v>0</v>
      </c>
      <c r="BF18" s="51">
        <v>0</v>
      </c>
      <c r="BG18" s="51">
        <v>0</v>
      </c>
      <c r="BH18" s="51">
        <v>0</v>
      </c>
      <c r="BI18" s="51">
        <v>0</v>
      </c>
      <c r="BJ18" s="51">
        <v>99980</v>
      </c>
      <c r="BK18" s="51">
        <v>0</v>
      </c>
      <c r="BL18" s="51">
        <v>0</v>
      </c>
      <c r="BM18" s="51">
        <v>0</v>
      </c>
      <c r="BN18" s="50">
        <v>124292</v>
      </c>
    </row>
    <row r="19" spans="1:66" ht="10" customHeight="1">
      <c r="A19" s="206"/>
      <c r="B19" s="217" t="s">
        <v>183</v>
      </c>
      <c r="C19" s="209"/>
      <c r="D19" s="209"/>
      <c r="E19" s="209"/>
      <c r="F19" s="210"/>
      <c r="G19" s="27"/>
      <c r="H19" s="27"/>
      <c r="I19" s="27"/>
      <c r="J19" s="27"/>
      <c r="K19" s="51">
        <v>0</v>
      </c>
      <c r="L19" s="51">
        <v>0</v>
      </c>
      <c r="M19" s="51">
        <v>0</v>
      </c>
      <c r="N19" s="51">
        <v>0</v>
      </c>
      <c r="O19" s="51">
        <v>0</v>
      </c>
      <c r="P19" s="51">
        <v>0</v>
      </c>
      <c r="Q19" s="51">
        <v>0</v>
      </c>
      <c r="R19" s="51">
        <v>0</v>
      </c>
      <c r="S19" s="51">
        <v>0</v>
      </c>
      <c r="T19" s="51">
        <v>0</v>
      </c>
      <c r="U19" s="51">
        <v>0</v>
      </c>
      <c r="V19" s="51">
        <v>0</v>
      </c>
      <c r="W19" s="51">
        <v>0</v>
      </c>
      <c r="X19" s="51">
        <v>0</v>
      </c>
      <c r="Y19" s="51">
        <v>0</v>
      </c>
      <c r="Z19" s="51">
        <v>0</v>
      </c>
      <c r="AA19" s="51">
        <v>0</v>
      </c>
      <c r="AB19" s="51">
        <v>0</v>
      </c>
      <c r="AC19" s="51">
        <v>0</v>
      </c>
      <c r="AD19" s="51">
        <v>0</v>
      </c>
      <c r="AE19" s="51">
        <v>0</v>
      </c>
      <c r="AF19" s="51">
        <v>0</v>
      </c>
      <c r="AG19" s="51">
        <v>0</v>
      </c>
      <c r="AH19" s="51">
        <v>0</v>
      </c>
      <c r="AI19" s="51">
        <v>0</v>
      </c>
      <c r="AJ19" s="51">
        <v>0</v>
      </c>
      <c r="AK19" s="51">
        <v>0</v>
      </c>
      <c r="AL19" s="51">
        <v>0</v>
      </c>
      <c r="AM19" s="51">
        <v>0</v>
      </c>
      <c r="AN19" s="51">
        <v>0</v>
      </c>
      <c r="AO19" s="51">
        <v>0</v>
      </c>
      <c r="AP19" s="51">
        <v>0</v>
      </c>
      <c r="AQ19" s="51">
        <v>0</v>
      </c>
      <c r="AR19" s="51">
        <v>0</v>
      </c>
      <c r="AS19" s="51">
        <v>0</v>
      </c>
      <c r="AT19" s="51">
        <v>0</v>
      </c>
      <c r="AU19" s="51">
        <v>0</v>
      </c>
      <c r="AV19" s="51">
        <v>0</v>
      </c>
      <c r="AW19" s="51">
        <v>0</v>
      </c>
      <c r="AX19" s="51">
        <v>0</v>
      </c>
      <c r="AY19" s="51">
        <v>0</v>
      </c>
      <c r="AZ19" s="51">
        <v>0</v>
      </c>
      <c r="BA19" s="51">
        <v>0</v>
      </c>
      <c r="BB19" s="51">
        <v>0</v>
      </c>
      <c r="BC19" s="51">
        <v>0</v>
      </c>
      <c r="BD19" s="51">
        <v>0</v>
      </c>
      <c r="BE19" s="51">
        <v>0</v>
      </c>
      <c r="BF19" s="51">
        <v>0</v>
      </c>
      <c r="BG19" s="51">
        <v>0</v>
      </c>
      <c r="BH19" s="51">
        <v>0</v>
      </c>
      <c r="BI19" s="51">
        <v>0</v>
      </c>
      <c r="BJ19" s="51">
        <v>0</v>
      </c>
      <c r="BK19" s="51">
        <v>0</v>
      </c>
      <c r="BL19" s="51">
        <v>0</v>
      </c>
      <c r="BM19" s="51">
        <v>0</v>
      </c>
      <c r="BN19" s="50">
        <v>0</v>
      </c>
    </row>
    <row r="20" spans="1:66" ht="10" customHeight="1">
      <c r="A20" s="207"/>
      <c r="B20" s="217" t="s">
        <v>24</v>
      </c>
      <c r="C20" s="209"/>
      <c r="D20" s="209"/>
      <c r="E20" s="209"/>
      <c r="F20" s="210"/>
      <c r="G20" s="27"/>
      <c r="H20" s="27"/>
      <c r="I20" s="27"/>
      <c r="J20" s="27"/>
      <c r="K20" s="51">
        <v>242990890</v>
      </c>
      <c r="L20" s="51">
        <v>48705039</v>
      </c>
      <c r="M20" s="51">
        <v>45718008</v>
      </c>
      <c r="N20" s="51">
        <v>87289383</v>
      </c>
      <c r="O20" s="51">
        <v>18620074</v>
      </c>
      <c r="P20" s="51">
        <v>58573319</v>
      </c>
      <c r="Q20" s="51">
        <v>20043948</v>
      </c>
      <c r="R20" s="51">
        <v>20217841</v>
      </c>
      <c r="S20" s="51">
        <v>13248539</v>
      </c>
      <c r="T20" s="51">
        <v>16302527</v>
      </c>
      <c r="U20" s="51">
        <v>26721013</v>
      </c>
      <c r="V20" s="51">
        <v>25899936</v>
      </c>
      <c r="W20" s="51">
        <v>10234586</v>
      </c>
      <c r="X20" s="51">
        <v>16675395</v>
      </c>
      <c r="Y20" s="51">
        <v>36244891</v>
      </c>
      <c r="Z20" s="51">
        <v>31654353</v>
      </c>
      <c r="AA20" s="51">
        <v>36442264</v>
      </c>
      <c r="AB20" s="51">
        <v>11862618</v>
      </c>
      <c r="AC20" s="51">
        <v>19399313</v>
      </c>
      <c r="AD20" s="51">
        <v>26496215</v>
      </c>
      <c r="AE20" s="51">
        <v>19548347</v>
      </c>
      <c r="AF20" s="51">
        <v>10612615</v>
      </c>
      <c r="AG20" s="51">
        <v>10603447</v>
      </c>
      <c r="AH20" s="51">
        <v>21653367</v>
      </c>
      <c r="AI20" s="51">
        <v>30361007</v>
      </c>
      <c r="AJ20" s="51">
        <v>20631231</v>
      </c>
      <c r="AK20" s="51">
        <v>11476789</v>
      </c>
      <c r="AL20" s="51">
        <v>24068052</v>
      </c>
      <c r="AM20" s="51">
        <v>8150118</v>
      </c>
      <c r="AN20" s="51">
        <v>7950876</v>
      </c>
      <c r="AO20" s="51">
        <v>10837306</v>
      </c>
      <c r="AP20" s="51">
        <v>15748729</v>
      </c>
      <c r="AQ20" s="51">
        <v>11700238</v>
      </c>
      <c r="AR20" s="51">
        <v>9902913</v>
      </c>
      <c r="AS20" s="51">
        <v>10022409</v>
      </c>
      <c r="AT20" s="51">
        <v>6391305</v>
      </c>
      <c r="AU20" s="51">
        <v>8316073</v>
      </c>
      <c r="AV20" s="51">
        <v>1848761</v>
      </c>
      <c r="AW20" s="51">
        <v>3678694</v>
      </c>
      <c r="AX20" s="51">
        <v>6201303</v>
      </c>
      <c r="AY20" s="51">
        <v>5663273</v>
      </c>
      <c r="AZ20" s="51">
        <v>4412177</v>
      </c>
      <c r="BA20" s="51">
        <v>5567560</v>
      </c>
      <c r="BB20" s="51">
        <v>2895489</v>
      </c>
      <c r="BC20" s="51">
        <v>2963738</v>
      </c>
      <c r="BD20" s="51">
        <v>4535821</v>
      </c>
      <c r="BE20" s="51">
        <v>2271512</v>
      </c>
      <c r="BF20" s="51">
        <v>4492872</v>
      </c>
      <c r="BG20" s="51">
        <v>7753345</v>
      </c>
      <c r="BH20" s="51">
        <v>7805325</v>
      </c>
      <c r="BI20" s="51">
        <v>8077139</v>
      </c>
      <c r="BJ20" s="51">
        <v>66793128</v>
      </c>
      <c r="BK20" s="51">
        <v>22833399</v>
      </c>
      <c r="BL20" s="51">
        <v>25745489</v>
      </c>
      <c r="BM20" s="51">
        <v>51604582</v>
      </c>
      <c r="BN20" s="50">
        <v>1286458581</v>
      </c>
    </row>
    <row r="21" spans="1:66" ht="10" customHeight="1">
      <c r="A21" s="205" t="s">
        <v>184</v>
      </c>
      <c r="B21" s="222" t="s">
        <v>158</v>
      </c>
      <c r="C21" s="219"/>
      <c r="D21" s="219"/>
      <c r="E21" s="219"/>
      <c r="F21" s="220"/>
      <c r="G21" s="27"/>
      <c r="H21" s="27"/>
      <c r="I21" s="27"/>
      <c r="J21" s="27"/>
      <c r="K21" s="51">
        <v>46135195</v>
      </c>
      <c r="L21" s="51">
        <v>7906490</v>
      </c>
      <c r="M21" s="51">
        <v>10318073</v>
      </c>
      <c r="N21" s="51">
        <v>27998047</v>
      </c>
      <c r="O21" s="51">
        <v>5155729</v>
      </c>
      <c r="P21" s="51">
        <v>9896158</v>
      </c>
      <c r="Q21" s="51">
        <v>3260166</v>
      </c>
      <c r="R21" s="51">
        <v>6525458</v>
      </c>
      <c r="S21" s="51">
        <v>1616820</v>
      </c>
      <c r="T21" s="51">
        <v>297891</v>
      </c>
      <c r="U21" s="51">
        <v>5964882</v>
      </c>
      <c r="V21" s="51">
        <v>2019185</v>
      </c>
      <c r="W21" s="51">
        <v>4126169</v>
      </c>
      <c r="X21" s="51">
        <v>1801517</v>
      </c>
      <c r="Y21" s="51">
        <v>10362086</v>
      </c>
      <c r="Z21" s="51">
        <v>2826637</v>
      </c>
      <c r="AA21" s="51">
        <v>1415289</v>
      </c>
      <c r="AB21" s="51">
        <v>1908513</v>
      </c>
      <c r="AC21" s="51">
        <v>2861695</v>
      </c>
      <c r="AD21" s="51">
        <v>2501444</v>
      </c>
      <c r="AE21" s="51">
        <v>4993063</v>
      </c>
      <c r="AF21" s="51">
        <v>2003967</v>
      </c>
      <c r="AG21" s="51">
        <v>243494</v>
      </c>
      <c r="AH21" s="51">
        <v>3036512</v>
      </c>
      <c r="AI21" s="51">
        <v>820618</v>
      </c>
      <c r="AJ21" s="51">
        <v>2930475</v>
      </c>
      <c r="AK21" s="51">
        <v>124741</v>
      </c>
      <c r="AL21" s="51">
        <v>3961953</v>
      </c>
      <c r="AM21" s="51">
        <v>661079</v>
      </c>
      <c r="AN21" s="51">
        <v>984985</v>
      </c>
      <c r="AO21" s="51">
        <v>2564716</v>
      </c>
      <c r="AP21" s="51">
        <v>1363534</v>
      </c>
      <c r="AQ21" s="51">
        <v>1137206</v>
      </c>
      <c r="AR21" s="51">
        <v>1283968</v>
      </c>
      <c r="AS21" s="51">
        <v>904747</v>
      </c>
      <c r="AT21" s="51">
        <v>2061008</v>
      </c>
      <c r="AU21" s="51">
        <v>1331610</v>
      </c>
      <c r="AV21" s="51">
        <v>48045</v>
      </c>
      <c r="AW21" s="51">
        <v>495845</v>
      </c>
      <c r="AX21" s="51">
        <v>901349</v>
      </c>
      <c r="AY21" s="51">
        <v>185503</v>
      </c>
      <c r="AZ21" s="51">
        <v>1030493</v>
      </c>
      <c r="BA21" s="51">
        <v>952832</v>
      </c>
      <c r="BB21" s="51">
        <v>49176</v>
      </c>
      <c r="BC21" s="51">
        <v>480733</v>
      </c>
      <c r="BD21" s="51">
        <v>906232</v>
      </c>
      <c r="BE21" s="51">
        <v>160436</v>
      </c>
      <c r="BF21" s="51">
        <v>1097134</v>
      </c>
      <c r="BG21" s="51">
        <v>609221</v>
      </c>
      <c r="BH21" s="51">
        <v>1766238</v>
      </c>
      <c r="BI21" s="51">
        <v>896447</v>
      </c>
      <c r="BJ21" s="51">
        <v>7328849</v>
      </c>
      <c r="BK21" s="51">
        <v>290518</v>
      </c>
      <c r="BL21" s="51">
        <v>145413</v>
      </c>
      <c r="BM21" s="51">
        <v>7862709</v>
      </c>
      <c r="BN21" s="50">
        <v>210512293</v>
      </c>
    </row>
    <row r="22" spans="1:66" ht="10" customHeight="1">
      <c r="A22" s="206"/>
      <c r="B22" s="35"/>
      <c r="C22" s="217" t="s">
        <v>185</v>
      </c>
      <c r="D22" s="209"/>
      <c r="E22" s="209"/>
      <c r="F22" s="210"/>
      <c r="G22" s="27"/>
      <c r="H22" s="27"/>
      <c r="I22" s="27"/>
      <c r="J22" s="27"/>
      <c r="K22" s="51">
        <v>42894462</v>
      </c>
      <c r="L22" s="51">
        <v>6686830</v>
      </c>
      <c r="M22" s="51">
        <v>10072450</v>
      </c>
      <c r="N22" s="51">
        <v>27306208</v>
      </c>
      <c r="O22" s="51">
        <v>4719679</v>
      </c>
      <c r="P22" s="51">
        <v>9725863</v>
      </c>
      <c r="Q22" s="51">
        <v>3260166</v>
      </c>
      <c r="R22" s="51">
        <v>6525458</v>
      </c>
      <c r="S22" s="51">
        <v>1569409</v>
      </c>
      <c r="T22" s="51">
        <v>127539</v>
      </c>
      <c r="U22" s="51">
        <v>5738045</v>
      </c>
      <c r="V22" s="51">
        <v>2019185</v>
      </c>
      <c r="W22" s="51">
        <v>4126169</v>
      </c>
      <c r="X22" s="51">
        <v>1570404</v>
      </c>
      <c r="Y22" s="51">
        <v>10320774</v>
      </c>
      <c r="Z22" s="51">
        <v>2516448</v>
      </c>
      <c r="AA22" s="51">
        <v>1413289</v>
      </c>
      <c r="AB22" s="51">
        <v>1838087</v>
      </c>
      <c r="AC22" s="51">
        <v>2735276</v>
      </c>
      <c r="AD22" s="51">
        <v>2474869</v>
      </c>
      <c r="AE22" s="51">
        <v>4993063</v>
      </c>
      <c r="AF22" s="51">
        <v>2003967</v>
      </c>
      <c r="AG22" s="51">
        <v>243494</v>
      </c>
      <c r="AH22" s="51">
        <v>3036512</v>
      </c>
      <c r="AI22" s="51">
        <v>820618</v>
      </c>
      <c r="AJ22" s="51">
        <v>2915282</v>
      </c>
      <c r="AK22" s="51">
        <v>124741</v>
      </c>
      <c r="AL22" s="51">
        <v>3961953</v>
      </c>
      <c r="AM22" s="51">
        <v>614879</v>
      </c>
      <c r="AN22" s="51">
        <v>984985</v>
      </c>
      <c r="AO22" s="51">
        <v>2562073</v>
      </c>
      <c r="AP22" s="51">
        <v>1236917</v>
      </c>
      <c r="AQ22" s="51">
        <v>1081002</v>
      </c>
      <c r="AR22" s="51">
        <v>1231160</v>
      </c>
      <c r="AS22" s="51">
        <v>904747</v>
      </c>
      <c r="AT22" s="51">
        <v>2061008</v>
      </c>
      <c r="AU22" s="51">
        <v>1250571</v>
      </c>
      <c r="AV22" s="51">
        <v>48045</v>
      </c>
      <c r="AW22" s="51">
        <v>495845</v>
      </c>
      <c r="AX22" s="51">
        <v>525845</v>
      </c>
      <c r="AY22" s="51">
        <v>140838</v>
      </c>
      <c r="AZ22" s="51">
        <v>1030493</v>
      </c>
      <c r="BA22" s="51">
        <v>947774</v>
      </c>
      <c r="BB22" s="51">
        <v>49176</v>
      </c>
      <c r="BC22" s="51">
        <v>480733</v>
      </c>
      <c r="BD22" s="51">
        <v>877920</v>
      </c>
      <c r="BE22" s="51">
        <v>160436</v>
      </c>
      <c r="BF22" s="51">
        <v>1097134</v>
      </c>
      <c r="BG22" s="51">
        <v>609221</v>
      </c>
      <c r="BH22" s="51">
        <v>1766217</v>
      </c>
      <c r="BI22" s="51">
        <v>844912</v>
      </c>
      <c r="BJ22" s="51">
        <v>7096955</v>
      </c>
      <c r="BK22" s="51">
        <v>8358</v>
      </c>
      <c r="BL22" s="51">
        <v>0</v>
      </c>
      <c r="BM22" s="51">
        <v>7862709</v>
      </c>
      <c r="BN22" s="50">
        <v>201710193</v>
      </c>
    </row>
    <row r="23" spans="1:66" ht="10" customHeight="1">
      <c r="A23" s="206"/>
      <c r="B23" s="16"/>
      <c r="C23" s="217" t="s">
        <v>186</v>
      </c>
      <c r="D23" s="209"/>
      <c r="E23" s="209"/>
      <c r="F23" s="210"/>
      <c r="G23" s="27"/>
      <c r="H23" s="27"/>
      <c r="I23" s="27"/>
      <c r="J23" s="27"/>
      <c r="K23" s="51">
        <v>0</v>
      </c>
      <c r="L23" s="51">
        <v>0</v>
      </c>
      <c r="M23" s="51">
        <v>0</v>
      </c>
      <c r="N23" s="51">
        <v>0</v>
      </c>
      <c r="O23" s="51">
        <v>0</v>
      </c>
      <c r="P23" s="51">
        <v>0</v>
      </c>
      <c r="Q23" s="51">
        <v>0</v>
      </c>
      <c r="R23" s="51">
        <v>0</v>
      </c>
      <c r="S23" s="51">
        <v>0</v>
      </c>
      <c r="T23" s="51">
        <v>0</v>
      </c>
      <c r="U23" s="51">
        <v>0</v>
      </c>
      <c r="V23" s="51">
        <v>0</v>
      </c>
      <c r="W23" s="51">
        <v>0</v>
      </c>
      <c r="X23" s="51">
        <v>0</v>
      </c>
      <c r="Y23" s="51">
        <v>0</v>
      </c>
      <c r="Z23" s="51">
        <v>0</v>
      </c>
      <c r="AA23" s="51">
        <v>0</v>
      </c>
      <c r="AB23" s="51">
        <v>0</v>
      </c>
      <c r="AC23" s="51">
        <v>0</v>
      </c>
      <c r="AD23" s="51">
        <v>0</v>
      </c>
      <c r="AE23" s="51">
        <v>0</v>
      </c>
      <c r="AF23" s="51">
        <v>0</v>
      </c>
      <c r="AG23" s="51">
        <v>0</v>
      </c>
      <c r="AH23" s="51">
        <v>0</v>
      </c>
      <c r="AI23" s="51">
        <v>0</v>
      </c>
      <c r="AJ23" s="51">
        <v>0</v>
      </c>
      <c r="AK23" s="51">
        <v>0</v>
      </c>
      <c r="AL23" s="51">
        <v>0</v>
      </c>
      <c r="AM23" s="51">
        <v>0</v>
      </c>
      <c r="AN23" s="51">
        <v>0</v>
      </c>
      <c r="AO23" s="51">
        <v>0</v>
      </c>
      <c r="AP23" s="51">
        <v>0</v>
      </c>
      <c r="AQ23" s="51">
        <v>0</v>
      </c>
      <c r="AR23" s="51">
        <v>0</v>
      </c>
      <c r="AS23" s="51">
        <v>0</v>
      </c>
      <c r="AT23" s="51">
        <v>0</v>
      </c>
      <c r="AU23" s="51">
        <v>0</v>
      </c>
      <c r="AV23" s="51">
        <v>0</v>
      </c>
      <c r="AW23" s="51">
        <v>0</v>
      </c>
      <c r="AX23" s="51">
        <v>0</v>
      </c>
      <c r="AY23" s="51">
        <v>0</v>
      </c>
      <c r="AZ23" s="51">
        <v>0</v>
      </c>
      <c r="BA23" s="51">
        <v>0</v>
      </c>
      <c r="BB23" s="51">
        <v>0</v>
      </c>
      <c r="BC23" s="51">
        <v>0</v>
      </c>
      <c r="BD23" s="51">
        <v>0</v>
      </c>
      <c r="BE23" s="51">
        <v>0</v>
      </c>
      <c r="BF23" s="51">
        <v>0</v>
      </c>
      <c r="BG23" s="51">
        <v>0</v>
      </c>
      <c r="BH23" s="51">
        <v>0</v>
      </c>
      <c r="BI23" s="51">
        <v>0</v>
      </c>
      <c r="BJ23" s="51">
        <v>0</v>
      </c>
      <c r="BK23" s="51">
        <v>0</v>
      </c>
      <c r="BL23" s="51">
        <v>0</v>
      </c>
      <c r="BM23" s="51">
        <v>0</v>
      </c>
      <c r="BN23" s="50">
        <v>0</v>
      </c>
    </row>
    <row r="24" spans="1:66" ht="10" customHeight="1">
      <c r="A24" s="206"/>
      <c r="B24" s="16"/>
      <c r="C24" s="217" t="s">
        <v>159</v>
      </c>
      <c r="D24" s="209"/>
      <c r="E24" s="209"/>
      <c r="F24" s="210"/>
      <c r="G24" s="27"/>
      <c r="H24" s="27"/>
      <c r="I24" s="27"/>
      <c r="J24" s="27"/>
      <c r="K24" s="51">
        <v>0</v>
      </c>
      <c r="L24" s="51">
        <v>0</v>
      </c>
      <c r="M24" s="51">
        <v>0</v>
      </c>
      <c r="N24" s="51">
        <v>0</v>
      </c>
      <c r="O24" s="51">
        <v>0</v>
      </c>
      <c r="P24" s="51">
        <v>0</v>
      </c>
      <c r="Q24" s="51">
        <v>0</v>
      </c>
      <c r="R24" s="51">
        <v>0</v>
      </c>
      <c r="S24" s="51">
        <v>0</v>
      </c>
      <c r="T24" s="51">
        <v>0</v>
      </c>
      <c r="U24" s="51">
        <v>0</v>
      </c>
      <c r="V24" s="51">
        <v>0</v>
      </c>
      <c r="W24" s="51">
        <v>0</v>
      </c>
      <c r="X24" s="51">
        <v>0</v>
      </c>
      <c r="Y24" s="51">
        <v>0</v>
      </c>
      <c r="Z24" s="51">
        <v>0</v>
      </c>
      <c r="AA24" s="51">
        <v>0</v>
      </c>
      <c r="AB24" s="51">
        <v>0</v>
      </c>
      <c r="AC24" s="51">
        <v>0</v>
      </c>
      <c r="AD24" s="51">
        <v>0</v>
      </c>
      <c r="AE24" s="51">
        <v>0</v>
      </c>
      <c r="AF24" s="51">
        <v>0</v>
      </c>
      <c r="AG24" s="51">
        <v>0</v>
      </c>
      <c r="AH24" s="51">
        <v>0</v>
      </c>
      <c r="AI24" s="51">
        <v>0</v>
      </c>
      <c r="AJ24" s="51">
        <v>0</v>
      </c>
      <c r="AK24" s="51">
        <v>0</v>
      </c>
      <c r="AL24" s="51">
        <v>0</v>
      </c>
      <c r="AM24" s="51">
        <v>0</v>
      </c>
      <c r="AN24" s="51">
        <v>0</v>
      </c>
      <c r="AO24" s="51">
        <v>0</v>
      </c>
      <c r="AP24" s="51">
        <v>0</v>
      </c>
      <c r="AQ24" s="51">
        <v>0</v>
      </c>
      <c r="AR24" s="51">
        <v>0</v>
      </c>
      <c r="AS24" s="51">
        <v>0</v>
      </c>
      <c r="AT24" s="51">
        <v>0</v>
      </c>
      <c r="AU24" s="51">
        <v>0</v>
      </c>
      <c r="AV24" s="51">
        <v>0</v>
      </c>
      <c r="AW24" s="51">
        <v>0</v>
      </c>
      <c r="AX24" s="51">
        <v>0</v>
      </c>
      <c r="AY24" s="51">
        <v>0</v>
      </c>
      <c r="AZ24" s="51">
        <v>0</v>
      </c>
      <c r="BA24" s="51">
        <v>0</v>
      </c>
      <c r="BB24" s="51">
        <v>0</v>
      </c>
      <c r="BC24" s="51">
        <v>0</v>
      </c>
      <c r="BD24" s="51">
        <v>0</v>
      </c>
      <c r="BE24" s="51">
        <v>0</v>
      </c>
      <c r="BF24" s="51">
        <v>0</v>
      </c>
      <c r="BG24" s="51">
        <v>0</v>
      </c>
      <c r="BH24" s="51">
        <v>0</v>
      </c>
      <c r="BI24" s="51">
        <v>0</v>
      </c>
      <c r="BJ24" s="51">
        <v>0</v>
      </c>
      <c r="BK24" s="51">
        <v>0</v>
      </c>
      <c r="BL24" s="51">
        <v>0</v>
      </c>
      <c r="BM24" s="51">
        <v>0</v>
      </c>
      <c r="BN24" s="50">
        <v>0</v>
      </c>
    </row>
    <row r="25" spans="1:66" ht="10" customHeight="1">
      <c r="A25" s="206"/>
      <c r="B25" s="16"/>
      <c r="C25" s="249" t="s">
        <v>187</v>
      </c>
      <c r="D25" s="250"/>
      <c r="E25" s="250"/>
      <c r="F25" s="251"/>
      <c r="G25" s="27"/>
      <c r="H25" s="27"/>
      <c r="I25" s="27"/>
      <c r="J25" s="27"/>
      <c r="K25" s="51">
        <v>0</v>
      </c>
      <c r="L25" s="51">
        <v>0</v>
      </c>
      <c r="M25" s="51">
        <v>0</v>
      </c>
      <c r="N25" s="51">
        <v>0</v>
      </c>
      <c r="O25" s="51">
        <v>0</v>
      </c>
      <c r="P25" s="51">
        <v>0</v>
      </c>
      <c r="Q25" s="51">
        <v>0</v>
      </c>
      <c r="R25" s="51">
        <v>0</v>
      </c>
      <c r="S25" s="51">
        <v>0</v>
      </c>
      <c r="T25" s="51">
        <v>0</v>
      </c>
      <c r="U25" s="51">
        <v>0</v>
      </c>
      <c r="V25" s="51">
        <v>0</v>
      </c>
      <c r="W25" s="51">
        <v>0</v>
      </c>
      <c r="X25" s="51">
        <v>0</v>
      </c>
      <c r="Y25" s="51">
        <v>0</v>
      </c>
      <c r="Z25" s="51">
        <v>0</v>
      </c>
      <c r="AA25" s="51">
        <v>0</v>
      </c>
      <c r="AB25" s="51">
        <v>0</v>
      </c>
      <c r="AC25" s="51">
        <v>0</v>
      </c>
      <c r="AD25" s="51">
        <v>0</v>
      </c>
      <c r="AE25" s="51">
        <v>0</v>
      </c>
      <c r="AF25" s="51">
        <v>0</v>
      </c>
      <c r="AG25" s="51">
        <v>0</v>
      </c>
      <c r="AH25" s="51">
        <v>0</v>
      </c>
      <c r="AI25" s="51">
        <v>0</v>
      </c>
      <c r="AJ25" s="51">
        <v>0</v>
      </c>
      <c r="AK25" s="51">
        <v>0</v>
      </c>
      <c r="AL25" s="51">
        <v>0</v>
      </c>
      <c r="AM25" s="51">
        <v>0</v>
      </c>
      <c r="AN25" s="51">
        <v>0</v>
      </c>
      <c r="AO25" s="51">
        <v>0</v>
      </c>
      <c r="AP25" s="51">
        <v>0</v>
      </c>
      <c r="AQ25" s="51">
        <v>0</v>
      </c>
      <c r="AR25" s="51">
        <v>0</v>
      </c>
      <c r="AS25" s="51">
        <v>0</v>
      </c>
      <c r="AT25" s="51">
        <v>0</v>
      </c>
      <c r="AU25" s="51">
        <v>0</v>
      </c>
      <c r="AV25" s="51">
        <v>0</v>
      </c>
      <c r="AW25" s="51">
        <v>0</v>
      </c>
      <c r="AX25" s="51">
        <v>0</v>
      </c>
      <c r="AY25" s="51">
        <v>0</v>
      </c>
      <c r="AZ25" s="51">
        <v>0</v>
      </c>
      <c r="BA25" s="51">
        <v>0</v>
      </c>
      <c r="BB25" s="51">
        <v>0</v>
      </c>
      <c r="BC25" s="51">
        <v>0</v>
      </c>
      <c r="BD25" s="51">
        <v>0</v>
      </c>
      <c r="BE25" s="51">
        <v>0</v>
      </c>
      <c r="BF25" s="51">
        <v>0</v>
      </c>
      <c r="BG25" s="51">
        <v>0</v>
      </c>
      <c r="BH25" s="51">
        <v>0</v>
      </c>
      <c r="BI25" s="51">
        <v>0</v>
      </c>
      <c r="BJ25" s="51">
        <v>0</v>
      </c>
      <c r="BK25" s="51">
        <v>0</v>
      </c>
      <c r="BL25" s="51">
        <v>0</v>
      </c>
      <c r="BM25" s="51">
        <v>0</v>
      </c>
      <c r="BN25" s="50">
        <v>0</v>
      </c>
    </row>
    <row r="26" spans="1:66" ht="10" customHeight="1">
      <c r="A26" s="206"/>
      <c r="B26" s="16"/>
      <c r="C26" s="217" t="s">
        <v>188</v>
      </c>
      <c r="D26" s="209"/>
      <c r="E26" s="209"/>
      <c r="F26" s="210"/>
      <c r="G26" s="27"/>
      <c r="H26" s="27"/>
      <c r="I26" s="27"/>
      <c r="J26" s="27"/>
      <c r="K26" s="51">
        <v>0</v>
      </c>
      <c r="L26" s="51">
        <v>0</v>
      </c>
      <c r="M26" s="51">
        <v>0</v>
      </c>
      <c r="N26" s="51">
        <v>0</v>
      </c>
      <c r="O26" s="51">
        <v>0</v>
      </c>
      <c r="P26" s="51">
        <v>0</v>
      </c>
      <c r="Q26" s="51">
        <v>0</v>
      </c>
      <c r="R26" s="51">
        <v>0</v>
      </c>
      <c r="S26" s="51">
        <v>0</v>
      </c>
      <c r="T26" s="51">
        <v>0</v>
      </c>
      <c r="U26" s="51">
        <v>0</v>
      </c>
      <c r="V26" s="51">
        <v>0</v>
      </c>
      <c r="W26" s="51">
        <v>0</v>
      </c>
      <c r="X26" s="51">
        <v>0</v>
      </c>
      <c r="Y26" s="51">
        <v>0</v>
      </c>
      <c r="Z26" s="51">
        <v>0</v>
      </c>
      <c r="AA26" s="51">
        <v>0</v>
      </c>
      <c r="AB26" s="51">
        <v>0</v>
      </c>
      <c r="AC26" s="51">
        <v>0</v>
      </c>
      <c r="AD26" s="51">
        <v>0</v>
      </c>
      <c r="AE26" s="51">
        <v>0</v>
      </c>
      <c r="AF26" s="51">
        <v>0</v>
      </c>
      <c r="AG26" s="51">
        <v>0</v>
      </c>
      <c r="AH26" s="51">
        <v>0</v>
      </c>
      <c r="AI26" s="51">
        <v>0</v>
      </c>
      <c r="AJ26" s="51">
        <v>0</v>
      </c>
      <c r="AK26" s="51">
        <v>0</v>
      </c>
      <c r="AL26" s="51">
        <v>0</v>
      </c>
      <c r="AM26" s="51">
        <v>0</v>
      </c>
      <c r="AN26" s="51">
        <v>0</v>
      </c>
      <c r="AO26" s="51">
        <v>0</v>
      </c>
      <c r="AP26" s="51">
        <v>0</v>
      </c>
      <c r="AQ26" s="51">
        <v>0</v>
      </c>
      <c r="AR26" s="51">
        <v>0</v>
      </c>
      <c r="AS26" s="51">
        <v>0</v>
      </c>
      <c r="AT26" s="51">
        <v>0</v>
      </c>
      <c r="AU26" s="51">
        <v>0</v>
      </c>
      <c r="AV26" s="51">
        <v>0</v>
      </c>
      <c r="AW26" s="51">
        <v>0</v>
      </c>
      <c r="AX26" s="51">
        <v>0</v>
      </c>
      <c r="AY26" s="51">
        <v>0</v>
      </c>
      <c r="AZ26" s="51">
        <v>0</v>
      </c>
      <c r="BA26" s="51">
        <v>0</v>
      </c>
      <c r="BB26" s="51">
        <v>0</v>
      </c>
      <c r="BC26" s="51">
        <v>0</v>
      </c>
      <c r="BD26" s="51">
        <v>0</v>
      </c>
      <c r="BE26" s="51">
        <v>0</v>
      </c>
      <c r="BF26" s="51">
        <v>0</v>
      </c>
      <c r="BG26" s="51">
        <v>0</v>
      </c>
      <c r="BH26" s="51">
        <v>0</v>
      </c>
      <c r="BI26" s="51">
        <v>0</v>
      </c>
      <c r="BJ26" s="51">
        <v>0</v>
      </c>
      <c r="BK26" s="51">
        <v>0</v>
      </c>
      <c r="BL26" s="51">
        <v>0</v>
      </c>
      <c r="BM26" s="51">
        <v>0</v>
      </c>
      <c r="BN26" s="50">
        <v>0</v>
      </c>
    </row>
    <row r="27" spans="1:66" ht="10" customHeight="1">
      <c r="A27" s="206"/>
      <c r="B27" s="16"/>
      <c r="C27" s="217" t="s">
        <v>189</v>
      </c>
      <c r="D27" s="209"/>
      <c r="E27" s="209"/>
      <c r="F27" s="210"/>
      <c r="G27" s="27"/>
      <c r="H27" s="27"/>
      <c r="I27" s="27"/>
      <c r="J27" s="27"/>
      <c r="K27" s="51">
        <v>3058118</v>
      </c>
      <c r="L27" s="51">
        <v>1219660</v>
      </c>
      <c r="M27" s="51">
        <v>0</v>
      </c>
      <c r="N27" s="51">
        <v>691839</v>
      </c>
      <c r="O27" s="51">
        <v>436050</v>
      </c>
      <c r="P27" s="51">
        <v>170295</v>
      </c>
      <c r="Q27" s="51">
        <v>0</v>
      </c>
      <c r="R27" s="51">
        <v>0</v>
      </c>
      <c r="S27" s="51">
        <v>47411</v>
      </c>
      <c r="T27" s="51">
        <v>170352</v>
      </c>
      <c r="U27" s="51">
        <v>226837</v>
      </c>
      <c r="V27" s="51">
        <v>0</v>
      </c>
      <c r="W27" s="51">
        <v>0</v>
      </c>
      <c r="X27" s="51">
        <v>231113</v>
      </c>
      <c r="Y27" s="51">
        <v>37271</v>
      </c>
      <c r="Z27" s="51">
        <v>310189</v>
      </c>
      <c r="AA27" s="51">
        <v>0</v>
      </c>
      <c r="AB27" s="51">
        <v>70426</v>
      </c>
      <c r="AC27" s="51">
        <v>126419</v>
      </c>
      <c r="AD27" s="51">
        <v>26575</v>
      </c>
      <c r="AE27" s="51">
        <v>0</v>
      </c>
      <c r="AF27" s="51">
        <v>0</v>
      </c>
      <c r="AG27" s="51">
        <v>0</v>
      </c>
      <c r="AH27" s="51">
        <v>0</v>
      </c>
      <c r="AI27" s="51">
        <v>0</v>
      </c>
      <c r="AJ27" s="51">
        <v>0</v>
      </c>
      <c r="AK27" s="51">
        <v>0</v>
      </c>
      <c r="AL27" s="51">
        <v>0</v>
      </c>
      <c r="AM27" s="51">
        <v>46200</v>
      </c>
      <c r="AN27" s="51">
        <v>0</v>
      </c>
      <c r="AO27" s="51">
        <v>2643</v>
      </c>
      <c r="AP27" s="51">
        <v>126617</v>
      </c>
      <c r="AQ27" s="51">
        <v>56204</v>
      </c>
      <c r="AR27" s="51">
        <v>52808</v>
      </c>
      <c r="AS27" s="51">
        <v>0</v>
      </c>
      <c r="AT27" s="51">
        <v>0</v>
      </c>
      <c r="AU27" s="51">
        <v>71299</v>
      </c>
      <c r="AV27" s="51">
        <v>0</v>
      </c>
      <c r="AW27" s="51">
        <v>0</v>
      </c>
      <c r="AX27" s="51">
        <v>375504</v>
      </c>
      <c r="AY27" s="51">
        <v>44665</v>
      </c>
      <c r="AZ27" s="51">
        <v>0</v>
      </c>
      <c r="BA27" s="51">
        <v>5058</v>
      </c>
      <c r="BB27" s="51">
        <v>0</v>
      </c>
      <c r="BC27" s="51">
        <v>0</v>
      </c>
      <c r="BD27" s="51">
        <v>28312</v>
      </c>
      <c r="BE27" s="51">
        <v>0</v>
      </c>
      <c r="BF27" s="51">
        <v>0</v>
      </c>
      <c r="BG27" s="51">
        <v>0</v>
      </c>
      <c r="BH27" s="51">
        <v>21</v>
      </c>
      <c r="BI27" s="51">
        <v>51535</v>
      </c>
      <c r="BJ27" s="51">
        <v>226994</v>
      </c>
      <c r="BK27" s="51">
        <v>282160</v>
      </c>
      <c r="BL27" s="51">
        <v>145413</v>
      </c>
      <c r="BM27" s="51">
        <v>0</v>
      </c>
      <c r="BN27" s="50">
        <v>8337988</v>
      </c>
    </row>
    <row r="28" spans="1:66" ht="10" customHeight="1">
      <c r="A28" s="206"/>
      <c r="B28" s="16"/>
      <c r="C28" s="217" t="s">
        <v>190</v>
      </c>
      <c r="D28" s="209"/>
      <c r="E28" s="209"/>
      <c r="F28" s="210"/>
      <c r="G28" s="27"/>
      <c r="H28" s="27"/>
      <c r="I28" s="27"/>
      <c r="J28" s="27"/>
      <c r="K28" s="51">
        <v>182615</v>
      </c>
      <c r="L28" s="51">
        <v>0</v>
      </c>
      <c r="M28" s="51">
        <v>245623</v>
      </c>
      <c r="N28" s="51">
        <v>0</v>
      </c>
      <c r="O28" s="51">
        <v>0</v>
      </c>
      <c r="P28" s="51">
        <v>0</v>
      </c>
      <c r="Q28" s="51">
        <v>0</v>
      </c>
      <c r="R28" s="51">
        <v>0</v>
      </c>
      <c r="S28" s="51">
        <v>0</v>
      </c>
      <c r="T28" s="51">
        <v>0</v>
      </c>
      <c r="U28" s="51">
        <v>0</v>
      </c>
      <c r="V28" s="51">
        <v>0</v>
      </c>
      <c r="W28" s="51">
        <v>0</v>
      </c>
      <c r="X28" s="51">
        <v>0</v>
      </c>
      <c r="Y28" s="51">
        <v>4041</v>
      </c>
      <c r="Z28" s="51">
        <v>0</v>
      </c>
      <c r="AA28" s="51">
        <v>0</v>
      </c>
      <c r="AB28" s="51">
        <v>0</v>
      </c>
      <c r="AC28" s="51">
        <v>0</v>
      </c>
      <c r="AD28" s="51">
        <v>0</v>
      </c>
      <c r="AE28" s="51">
        <v>0</v>
      </c>
      <c r="AF28" s="51">
        <v>0</v>
      </c>
      <c r="AG28" s="51">
        <v>0</v>
      </c>
      <c r="AH28" s="51">
        <v>0</v>
      </c>
      <c r="AI28" s="51">
        <v>0</v>
      </c>
      <c r="AJ28" s="51">
        <v>15193</v>
      </c>
      <c r="AK28" s="51">
        <v>0</v>
      </c>
      <c r="AL28" s="51">
        <v>0</v>
      </c>
      <c r="AM28" s="51">
        <v>0</v>
      </c>
      <c r="AN28" s="51">
        <v>0</v>
      </c>
      <c r="AO28" s="51">
        <v>0</v>
      </c>
      <c r="AP28" s="51">
        <v>0</v>
      </c>
      <c r="AQ28" s="51">
        <v>0</v>
      </c>
      <c r="AR28" s="51">
        <v>0</v>
      </c>
      <c r="AS28" s="51">
        <v>0</v>
      </c>
      <c r="AT28" s="51">
        <v>0</v>
      </c>
      <c r="AU28" s="51">
        <v>9740</v>
      </c>
      <c r="AV28" s="51">
        <v>0</v>
      </c>
      <c r="AW28" s="51">
        <v>0</v>
      </c>
      <c r="AX28" s="51">
        <v>0</v>
      </c>
      <c r="AY28" s="51">
        <v>0</v>
      </c>
      <c r="AZ28" s="51">
        <v>0</v>
      </c>
      <c r="BA28" s="51">
        <v>0</v>
      </c>
      <c r="BB28" s="51">
        <v>0</v>
      </c>
      <c r="BC28" s="51">
        <v>0</v>
      </c>
      <c r="BD28" s="51">
        <v>0</v>
      </c>
      <c r="BE28" s="51">
        <v>0</v>
      </c>
      <c r="BF28" s="51">
        <v>0</v>
      </c>
      <c r="BG28" s="51">
        <v>0</v>
      </c>
      <c r="BH28" s="51">
        <v>0</v>
      </c>
      <c r="BI28" s="51">
        <v>0</v>
      </c>
      <c r="BJ28" s="51">
        <v>0</v>
      </c>
      <c r="BK28" s="51">
        <v>0</v>
      </c>
      <c r="BL28" s="51">
        <v>0</v>
      </c>
      <c r="BM28" s="51">
        <v>0</v>
      </c>
      <c r="BN28" s="50">
        <v>457212</v>
      </c>
    </row>
    <row r="29" spans="1:66" ht="10" customHeight="1">
      <c r="A29" s="206"/>
      <c r="B29" s="16"/>
      <c r="C29" s="217" t="s">
        <v>191</v>
      </c>
      <c r="D29" s="209"/>
      <c r="E29" s="209"/>
      <c r="F29" s="210"/>
      <c r="G29" s="27"/>
      <c r="H29" s="27"/>
      <c r="I29" s="27"/>
      <c r="J29" s="27"/>
      <c r="K29" s="51">
        <v>0</v>
      </c>
      <c r="L29" s="51">
        <v>0</v>
      </c>
      <c r="M29" s="51">
        <v>0</v>
      </c>
      <c r="N29" s="51">
        <v>0</v>
      </c>
      <c r="O29" s="51">
        <v>0</v>
      </c>
      <c r="P29" s="51">
        <v>0</v>
      </c>
      <c r="Q29" s="51">
        <v>0</v>
      </c>
      <c r="R29" s="51">
        <v>0</v>
      </c>
      <c r="S29" s="51">
        <v>0</v>
      </c>
      <c r="T29" s="51">
        <v>0</v>
      </c>
      <c r="U29" s="51">
        <v>0</v>
      </c>
      <c r="V29" s="51">
        <v>0</v>
      </c>
      <c r="W29" s="51">
        <v>0</v>
      </c>
      <c r="X29" s="51">
        <v>0</v>
      </c>
      <c r="Y29" s="51">
        <v>0</v>
      </c>
      <c r="Z29" s="51">
        <v>0</v>
      </c>
      <c r="AA29" s="51">
        <v>2000</v>
      </c>
      <c r="AB29" s="51">
        <v>0</v>
      </c>
      <c r="AC29" s="51">
        <v>0</v>
      </c>
      <c r="AD29" s="51">
        <v>0</v>
      </c>
      <c r="AE29" s="51">
        <v>0</v>
      </c>
      <c r="AF29" s="51">
        <v>0</v>
      </c>
      <c r="AG29" s="51">
        <v>0</v>
      </c>
      <c r="AH29" s="51">
        <v>0</v>
      </c>
      <c r="AI29" s="51">
        <v>0</v>
      </c>
      <c r="AJ29" s="51">
        <v>0</v>
      </c>
      <c r="AK29" s="51">
        <v>0</v>
      </c>
      <c r="AL29" s="51">
        <v>0</v>
      </c>
      <c r="AM29" s="51">
        <v>0</v>
      </c>
      <c r="AN29" s="51">
        <v>0</v>
      </c>
      <c r="AO29" s="51">
        <v>0</v>
      </c>
      <c r="AP29" s="51">
        <v>0</v>
      </c>
      <c r="AQ29" s="51">
        <v>0</v>
      </c>
      <c r="AR29" s="51">
        <v>0</v>
      </c>
      <c r="AS29" s="51">
        <v>0</v>
      </c>
      <c r="AT29" s="51">
        <v>0</v>
      </c>
      <c r="AU29" s="51">
        <v>0</v>
      </c>
      <c r="AV29" s="51">
        <v>0</v>
      </c>
      <c r="AW29" s="51">
        <v>0</v>
      </c>
      <c r="AX29" s="51">
        <v>0</v>
      </c>
      <c r="AY29" s="51">
        <v>0</v>
      </c>
      <c r="AZ29" s="51">
        <v>0</v>
      </c>
      <c r="BA29" s="51">
        <v>0</v>
      </c>
      <c r="BB29" s="51">
        <v>0</v>
      </c>
      <c r="BC29" s="51">
        <v>0</v>
      </c>
      <c r="BD29" s="51">
        <v>0</v>
      </c>
      <c r="BE29" s="51">
        <v>0</v>
      </c>
      <c r="BF29" s="51">
        <v>0</v>
      </c>
      <c r="BG29" s="51">
        <v>0</v>
      </c>
      <c r="BH29" s="51">
        <v>0</v>
      </c>
      <c r="BI29" s="51">
        <v>0</v>
      </c>
      <c r="BJ29" s="51">
        <v>4900</v>
      </c>
      <c r="BK29" s="51">
        <v>0</v>
      </c>
      <c r="BL29" s="51">
        <v>0</v>
      </c>
      <c r="BM29" s="51">
        <v>0</v>
      </c>
      <c r="BN29" s="50">
        <v>6900</v>
      </c>
    </row>
    <row r="30" spans="1:66" ht="10" customHeight="1">
      <c r="A30" s="206"/>
      <c r="B30" s="222" t="s">
        <v>160</v>
      </c>
      <c r="C30" s="219"/>
      <c r="D30" s="219"/>
      <c r="E30" s="219"/>
      <c r="F30" s="220"/>
      <c r="G30" s="27"/>
      <c r="H30" s="27"/>
      <c r="I30" s="27"/>
      <c r="J30" s="27"/>
      <c r="K30" s="51">
        <v>9889663</v>
      </c>
      <c r="L30" s="51">
        <v>1538481</v>
      </c>
      <c r="M30" s="51">
        <v>1466364</v>
      </c>
      <c r="N30" s="51">
        <v>2558571</v>
      </c>
      <c r="O30" s="51">
        <v>1035605</v>
      </c>
      <c r="P30" s="51">
        <v>1618978</v>
      </c>
      <c r="Q30" s="51">
        <v>447377</v>
      </c>
      <c r="R30" s="51">
        <v>1078321</v>
      </c>
      <c r="S30" s="51">
        <v>717167</v>
      </c>
      <c r="T30" s="51">
        <v>362484</v>
      </c>
      <c r="U30" s="51">
        <v>1007184</v>
      </c>
      <c r="V30" s="51">
        <v>530726</v>
      </c>
      <c r="W30" s="51">
        <v>395967</v>
      </c>
      <c r="X30" s="51">
        <v>557576</v>
      </c>
      <c r="Y30" s="51">
        <v>1194909</v>
      </c>
      <c r="Z30" s="51">
        <v>1039312</v>
      </c>
      <c r="AA30" s="51">
        <v>2244294</v>
      </c>
      <c r="AB30" s="51">
        <v>331231</v>
      </c>
      <c r="AC30" s="51">
        <v>982144</v>
      </c>
      <c r="AD30" s="51">
        <v>807833</v>
      </c>
      <c r="AE30" s="51">
        <v>1254720</v>
      </c>
      <c r="AF30" s="51">
        <v>423326</v>
      </c>
      <c r="AG30" s="51">
        <v>335397</v>
      </c>
      <c r="AH30" s="51">
        <v>609381</v>
      </c>
      <c r="AI30" s="51">
        <v>602997</v>
      </c>
      <c r="AJ30" s="51">
        <v>422970</v>
      </c>
      <c r="AK30" s="51">
        <v>386633</v>
      </c>
      <c r="AL30" s="51">
        <v>905722</v>
      </c>
      <c r="AM30" s="51">
        <v>369128</v>
      </c>
      <c r="AN30" s="51">
        <v>262165</v>
      </c>
      <c r="AO30" s="51">
        <v>297638</v>
      </c>
      <c r="AP30" s="51">
        <v>568142</v>
      </c>
      <c r="AQ30" s="51">
        <v>650675</v>
      </c>
      <c r="AR30" s="51">
        <v>1452115</v>
      </c>
      <c r="AS30" s="51">
        <v>232359</v>
      </c>
      <c r="AT30" s="51">
        <v>265141</v>
      </c>
      <c r="AU30" s="51">
        <v>212225</v>
      </c>
      <c r="AV30" s="51">
        <v>31739</v>
      </c>
      <c r="AW30" s="51">
        <v>34576</v>
      </c>
      <c r="AX30" s="51">
        <v>145385</v>
      </c>
      <c r="AY30" s="51">
        <v>136088</v>
      </c>
      <c r="AZ30" s="51">
        <v>183578</v>
      </c>
      <c r="BA30" s="51">
        <v>142588</v>
      </c>
      <c r="BB30" s="51">
        <v>41162</v>
      </c>
      <c r="BC30" s="51">
        <v>96618</v>
      </c>
      <c r="BD30" s="51">
        <v>852418</v>
      </c>
      <c r="BE30" s="51">
        <v>75764</v>
      </c>
      <c r="BF30" s="51">
        <v>238557</v>
      </c>
      <c r="BG30" s="51">
        <v>419929</v>
      </c>
      <c r="BH30" s="51">
        <v>793447</v>
      </c>
      <c r="BI30" s="51">
        <v>417147</v>
      </c>
      <c r="BJ30" s="51">
        <v>2570256</v>
      </c>
      <c r="BK30" s="51">
        <v>855277</v>
      </c>
      <c r="BL30" s="51">
        <v>270258</v>
      </c>
      <c r="BM30" s="51">
        <v>1025623</v>
      </c>
      <c r="BN30" s="50">
        <v>47385331</v>
      </c>
    </row>
    <row r="31" spans="1:66" ht="10" customHeight="1">
      <c r="A31" s="206"/>
      <c r="B31" s="16"/>
      <c r="C31" s="217" t="s">
        <v>185</v>
      </c>
      <c r="D31" s="209"/>
      <c r="E31" s="209"/>
      <c r="F31" s="210"/>
      <c r="G31" s="27"/>
      <c r="H31" s="27"/>
      <c r="I31" s="27"/>
      <c r="J31" s="27"/>
      <c r="K31" s="51">
        <v>3759203</v>
      </c>
      <c r="L31" s="51">
        <v>528313</v>
      </c>
      <c r="M31" s="51">
        <v>648157</v>
      </c>
      <c r="N31" s="51">
        <v>1618262</v>
      </c>
      <c r="O31" s="51">
        <v>436805</v>
      </c>
      <c r="P31" s="51">
        <v>588262</v>
      </c>
      <c r="Q31" s="51">
        <v>299781</v>
      </c>
      <c r="R31" s="51">
        <v>553892</v>
      </c>
      <c r="S31" s="51">
        <v>266257</v>
      </c>
      <c r="T31" s="51">
        <v>89706</v>
      </c>
      <c r="U31" s="51">
        <v>406533</v>
      </c>
      <c r="V31" s="51">
        <v>177620</v>
      </c>
      <c r="W31" s="51">
        <v>210536</v>
      </c>
      <c r="X31" s="51">
        <v>117999</v>
      </c>
      <c r="Y31" s="51">
        <v>698604</v>
      </c>
      <c r="Z31" s="51">
        <v>314103</v>
      </c>
      <c r="AA31" s="51">
        <v>164343</v>
      </c>
      <c r="AB31" s="51">
        <v>224308</v>
      </c>
      <c r="AC31" s="51">
        <v>358272</v>
      </c>
      <c r="AD31" s="51">
        <v>242417</v>
      </c>
      <c r="AE31" s="51">
        <v>419962</v>
      </c>
      <c r="AF31" s="51">
        <v>258064</v>
      </c>
      <c r="AG31" s="51">
        <v>37570</v>
      </c>
      <c r="AH31" s="51">
        <v>103145</v>
      </c>
      <c r="AI31" s="51">
        <v>158713</v>
      </c>
      <c r="AJ31" s="51">
        <v>142926</v>
      </c>
      <c r="AK31" s="51">
        <v>77968</v>
      </c>
      <c r="AL31" s="51">
        <v>246800</v>
      </c>
      <c r="AM31" s="51">
        <v>98914</v>
      </c>
      <c r="AN31" s="51">
        <v>132988</v>
      </c>
      <c r="AO31" s="51">
        <v>141141</v>
      </c>
      <c r="AP31" s="51">
        <v>175002</v>
      </c>
      <c r="AQ31" s="51">
        <v>208512</v>
      </c>
      <c r="AR31" s="51">
        <v>130707</v>
      </c>
      <c r="AS31" s="51">
        <v>63892</v>
      </c>
      <c r="AT31" s="51">
        <v>177253</v>
      </c>
      <c r="AU31" s="51">
        <v>119791</v>
      </c>
      <c r="AV31" s="51">
        <v>8280</v>
      </c>
      <c r="AW31" s="51">
        <v>31624</v>
      </c>
      <c r="AX31" s="51">
        <v>30745</v>
      </c>
      <c r="AY31" s="51">
        <v>35245</v>
      </c>
      <c r="AZ31" s="51">
        <v>54331</v>
      </c>
      <c r="BA31" s="51">
        <v>101995</v>
      </c>
      <c r="BB31" s="51">
        <v>3150</v>
      </c>
      <c r="BC31" s="51">
        <v>77116</v>
      </c>
      <c r="BD31" s="51">
        <v>106446</v>
      </c>
      <c r="BE31" s="51">
        <v>43116</v>
      </c>
      <c r="BF31" s="51">
        <v>155195</v>
      </c>
      <c r="BG31" s="51">
        <v>35862</v>
      </c>
      <c r="BH31" s="51">
        <v>73222</v>
      </c>
      <c r="BI31" s="51">
        <v>143674</v>
      </c>
      <c r="BJ31" s="51">
        <v>932476</v>
      </c>
      <c r="BK31" s="51">
        <v>25089</v>
      </c>
      <c r="BL31" s="51">
        <v>0</v>
      </c>
      <c r="BM31" s="51">
        <v>481741</v>
      </c>
      <c r="BN31" s="50">
        <v>16736028</v>
      </c>
    </row>
    <row r="32" spans="1:66" ht="10" customHeight="1">
      <c r="A32" s="206"/>
      <c r="B32" s="16"/>
      <c r="C32" s="217" t="s">
        <v>186</v>
      </c>
      <c r="D32" s="209"/>
      <c r="E32" s="209"/>
      <c r="F32" s="210"/>
      <c r="G32" s="27"/>
      <c r="H32" s="27"/>
      <c r="I32" s="27"/>
      <c r="J32" s="27"/>
      <c r="K32" s="51">
        <v>0</v>
      </c>
      <c r="L32" s="51">
        <v>0</v>
      </c>
      <c r="M32" s="51">
        <v>0</v>
      </c>
      <c r="N32" s="51">
        <v>0</v>
      </c>
      <c r="O32" s="51">
        <v>0</v>
      </c>
      <c r="P32" s="51">
        <v>0</v>
      </c>
      <c r="Q32" s="51">
        <v>0</v>
      </c>
      <c r="R32" s="51">
        <v>0</v>
      </c>
      <c r="S32" s="51">
        <v>0</v>
      </c>
      <c r="T32" s="51">
        <v>0</v>
      </c>
      <c r="U32" s="51">
        <v>0</v>
      </c>
      <c r="V32" s="51">
        <v>0</v>
      </c>
      <c r="W32" s="51">
        <v>0</v>
      </c>
      <c r="X32" s="51">
        <v>0</v>
      </c>
      <c r="Y32" s="51">
        <v>0</v>
      </c>
      <c r="Z32" s="51">
        <v>0</v>
      </c>
      <c r="AA32" s="51">
        <v>0</v>
      </c>
      <c r="AB32" s="51">
        <v>0</v>
      </c>
      <c r="AC32" s="51">
        <v>0</v>
      </c>
      <c r="AD32" s="51">
        <v>0</v>
      </c>
      <c r="AE32" s="51">
        <v>0</v>
      </c>
      <c r="AF32" s="51">
        <v>0</v>
      </c>
      <c r="AG32" s="51">
        <v>0</v>
      </c>
      <c r="AH32" s="51">
        <v>0</v>
      </c>
      <c r="AI32" s="51">
        <v>0</v>
      </c>
      <c r="AJ32" s="51">
        <v>0</v>
      </c>
      <c r="AK32" s="51">
        <v>0</v>
      </c>
      <c r="AL32" s="51">
        <v>0</v>
      </c>
      <c r="AM32" s="51">
        <v>0</v>
      </c>
      <c r="AN32" s="51">
        <v>0</v>
      </c>
      <c r="AO32" s="51">
        <v>0</v>
      </c>
      <c r="AP32" s="51">
        <v>0</v>
      </c>
      <c r="AQ32" s="51">
        <v>0</v>
      </c>
      <c r="AR32" s="51">
        <v>0</v>
      </c>
      <c r="AS32" s="51">
        <v>0</v>
      </c>
      <c r="AT32" s="51">
        <v>0</v>
      </c>
      <c r="AU32" s="51">
        <v>0</v>
      </c>
      <c r="AV32" s="51">
        <v>0</v>
      </c>
      <c r="AW32" s="51">
        <v>0</v>
      </c>
      <c r="AX32" s="51">
        <v>0</v>
      </c>
      <c r="AY32" s="51">
        <v>0</v>
      </c>
      <c r="AZ32" s="51">
        <v>0</v>
      </c>
      <c r="BA32" s="51">
        <v>0</v>
      </c>
      <c r="BB32" s="51">
        <v>0</v>
      </c>
      <c r="BC32" s="51">
        <v>0</v>
      </c>
      <c r="BD32" s="51">
        <v>0</v>
      </c>
      <c r="BE32" s="51">
        <v>0</v>
      </c>
      <c r="BF32" s="51">
        <v>0</v>
      </c>
      <c r="BG32" s="51">
        <v>0</v>
      </c>
      <c r="BH32" s="51">
        <v>0</v>
      </c>
      <c r="BI32" s="51">
        <v>0</v>
      </c>
      <c r="BJ32" s="51">
        <v>0</v>
      </c>
      <c r="BK32" s="51">
        <v>0</v>
      </c>
      <c r="BL32" s="51">
        <v>0</v>
      </c>
      <c r="BM32" s="51">
        <v>0</v>
      </c>
      <c r="BN32" s="50">
        <v>0</v>
      </c>
    </row>
    <row r="33" spans="1:66" ht="10" customHeight="1">
      <c r="A33" s="206"/>
      <c r="B33" s="16"/>
      <c r="C33" s="249" t="s">
        <v>187</v>
      </c>
      <c r="D33" s="250"/>
      <c r="E33" s="250"/>
      <c r="F33" s="251"/>
      <c r="G33" s="27"/>
      <c r="H33" s="27"/>
      <c r="I33" s="27"/>
      <c r="J33" s="27"/>
      <c r="K33" s="51">
        <v>0</v>
      </c>
      <c r="L33" s="51">
        <v>0</v>
      </c>
      <c r="M33" s="51">
        <v>0</v>
      </c>
      <c r="N33" s="51">
        <v>0</v>
      </c>
      <c r="O33" s="51">
        <v>0</v>
      </c>
      <c r="P33" s="51">
        <v>0</v>
      </c>
      <c r="Q33" s="51">
        <v>0</v>
      </c>
      <c r="R33" s="51">
        <v>0</v>
      </c>
      <c r="S33" s="51">
        <v>0</v>
      </c>
      <c r="T33" s="51">
        <v>0</v>
      </c>
      <c r="U33" s="51">
        <v>0</v>
      </c>
      <c r="V33" s="51">
        <v>0</v>
      </c>
      <c r="W33" s="51">
        <v>0</v>
      </c>
      <c r="X33" s="51">
        <v>0</v>
      </c>
      <c r="Y33" s="51">
        <v>0</v>
      </c>
      <c r="Z33" s="51">
        <v>0</v>
      </c>
      <c r="AA33" s="51">
        <v>0</v>
      </c>
      <c r="AB33" s="51">
        <v>0</v>
      </c>
      <c r="AC33" s="51">
        <v>0</v>
      </c>
      <c r="AD33" s="51">
        <v>0</v>
      </c>
      <c r="AE33" s="51">
        <v>0</v>
      </c>
      <c r="AF33" s="51">
        <v>0</v>
      </c>
      <c r="AG33" s="51">
        <v>0</v>
      </c>
      <c r="AH33" s="51">
        <v>0</v>
      </c>
      <c r="AI33" s="51">
        <v>0</v>
      </c>
      <c r="AJ33" s="51">
        <v>0</v>
      </c>
      <c r="AK33" s="51">
        <v>0</v>
      </c>
      <c r="AL33" s="51">
        <v>0</v>
      </c>
      <c r="AM33" s="51">
        <v>0</v>
      </c>
      <c r="AN33" s="51">
        <v>0</v>
      </c>
      <c r="AO33" s="51">
        <v>0</v>
      </c>
      <c r="AP33" s="51">
        <v>0</v>
      </c>
      <c r="AQ33" s="51">
        <v>0</v>
      </c>
      <c r="AR33" s="51">
        <v>0</v>
      </c>
      <c r="AS33" s="51">
        <v>0</v>
      </c>
      <c r="AT33" s="51">
        <v>0</v>
      </c>
      <c r="AU33" s="51">
        <v>0</v>
      </c>
      <c r="AV33" s="51">
        <v>0</v>
      </c>
      <c r="AW33" s="51">
        <v>0</v>
      </c>
      <c r="AX33" s="51">
        <v>0</v>
      </c>
      <c r="AY33" s="51">
        <v>0</v>
      </c>
      <c r="AZ33" s="51">
        <v>0</v>
      </c>
      <c r="BA33" s="51">
        <v>0</v>
      </c>
      <c r="BB33" s="51">
        <v>0</v>
      </c>
      <c r="BC33" s="51">
        <v>0</v>
      </c>
      <c r="BD33" s="51">
        <v>0</v>
      </c>
      <c r="BE33" s="51">
        <v>0</v>
      </c>
      <c r="BF33" s="51">
        <v>0</v>
      </c>
      <c r="BG33" s="51">
        <v>0</v>
      </c>
      <c r="BH33" s="51">
        <v>0</v>
      </c>
      <c r="BI33" s="51">
        <v>0</v>
      </c>
      <c r="BJ33" s="51">
        <v>0</v>
      </c>
      <c r="BK33" s="51">
        <v>0</v>
      </c>
      <c r="BL33" s="51">
        <v>0</v>
      </c>
      <c r="BM33" s="51">
        <v>0</v>
      </c>
      <c r="BN33" s="50">
        <v>0</v>
      </c>
    </row>
    <row r="34" spans="1:66" ht="10" customHeight="1">
      <c r="A34" s="206"/>
      <c r="B34" s="16"/>
      <c r="C34" s="217" t="s">
        <v>188</v>
      </c>
      <c r="D34" s="209"/>
      <c r="E34" s="209"/>
      <c r="F34" s="210"/>
      <c r="G34" s="27"/>
      <c r="H34" s="27"/>
      <c r="I34" s="27"/>
      <c r="J34" s="27"/>
      <c r="K34" s="51">
        <v>0</v>
      </c>
      <c r="L34" s="51">
        <v>0</v>
      </c>
      <c r="M34" s="51">
        <v>0</v>
      </c>
      <c r="N34" s="51">
        <v>0</v>
      </c>
      <c r="O34" s="51">
        <v>0</v>
      </c>
      <c r="P34" s="51">
        <v>0</v>
      </c>
      <c r="Q34" s="51">
        <v>0</v>
      </c>
      <c r="R34" s="51">
        <v>0</v>
      </c>
      <c r="S34" s="51">
        <v>0</v>
      </c>
      <c r="T34" s="51">
        <v>0</v>
      </c>
      <c r="U34" s="51">
        <v>0</v>
      </c>
      <c r="V34" s="51">
        <v>0</v>
      </c>
      <c r="W34" s="51">
        <v>0</v>
      </c>
      <c r="X34" s="51">
        <v>0</v>
      </c>
      <c r="Y34" s="51">
        <v>0</v>
      </c>
      <c r="Z34" s="51">
        <v>0</v>
      </c>
      <c r="AA34" s="51">
        <v>0</v>
      </c>
      <c r="AB34" s="51">
        <v>0</v>
      </c>
      <c r="AC34" s="51">
        <v>0</v>
      </c>
      <c r="AD34" s="51">
        <v>0</v>
      </c>
      <c r="AE34" s="51">
        <v>0</v>
      </c>
      <c r="AF34" s="51">
        <v>0</v>
      </c>
      <c r="AG34" s="51">
        <v>0</v>
      </c>
      <c r="AH34" s="51">
        <v>0</v>
      </c>
      <c r="AI34" s="51">
        <v>0</v>
      </c>
      <c r="AJ34" s="51">
        <v>0</v>
      </c>
      <c r="AK34" s="51">
        <v>0</v>
      </c>
      <c r="AL34" s="51">
        <v>0</v>
      </c>
      <c r="AM34" s="51">
        <v>0</v>
      </c>
      <c r="AN34" s="51">
        <v>0</v>
      </c>
      <c r="AO34" s="51">
        <v>0</v>
      </c>
      <c r="AP34" s="51">
        <v>0</v>
      </c>
      <c r="AQ34" s="51">
        <v>0</v>
      </c>
      <c r="AR34" s="51">
        <v>0</v>
      </c>
      <c r="AS34" s="51">
        <v>0</v>
      </c>
      <c r="AT34" s="51">
        <v>0</v>
      </c>
      <c r="AU34" s="51">
        <v>0</v>
      </c>
      <c r="AV34" s="51">
        <v>0</v>
      </c>
      <c r="AW34" s="51">
        <v>0</v>
      </c>
      <c r="AX34" s="51">
        <v>0</v>
      </c>
      <c r="AY34" s="51">
        <v>0</v>
      </c>
      <c r="AZ34" s="51">
        <v>0</v>
      </c>
      <c r="BA34" s="51">
        <v>0</v>
      </c>
      <c r="BB34" s="51">
        <v>0</v>
      </c>
      <c r="BC34" s="51">
        <v>0</v>
      </c>
      <c r="BD34" s="51">
        <v>0</v>
      </c>
      <c r="BE34" s="51">
        <v>0</v>
      </c>
      <c r="BF34" s="51">
        <v>0</v>
      </c>
      <c r="BG34" s="51">
        <v>0</v>
      </c>
      <c r="BH34" s="51">
        <v>0</v>
      </c>
      <c r="BI34" s="51">
        <v>0</v>
      </c>
      <c r="BJ34" s="51">
        <v>0</v>
      </c>
      <c r="BK34" s="51">
        <v>0</v>
      </c>
      <c r="BL34" s="51">
        <v>0</v>
      </c>
      <c r="BM34" s="51">
        <v>0</v>
      </c>
      <c r="BN34" s="50">
        <v>0</v>
      </c>
    </row>
    <row r="35" spans="1:66" ht="10" customHeight="1">
      <c r="A35" s="206"/>
      <c r="B35" s="16"/>
      <c r="C35" s="217" t="s">
        <v>189</v>
      </c>
      <c r="D35" s="209"/>
      <c r="E35" s="209"/>
      <c r="F35" s="210"/>
      <c r="G35" s="27"/>
      <c r="H35" s="27"/>
      <c r="I35" s="27"/>
      <c r="J35" s="27"/>
      <c r="K35" s="51">
        <v>284725</v>
      </c>
      <c r="L35" s="51">
        <v>48078</v>
      </c>
      <c r="M35" s="51">
        <v>22662</v>
      </c>
      <c r="N35" s="51">
        <v>67097</v>
      </c>
      <c r="O35" s="51">
        <v>9384</v>
      </c>
      <c r="P35" s="51">
        <v>47643</v>
      </c>
      <c r="Q35" s="51">
        <v>13601</v>
      </c>
      <c r="R35" s="51">
        <v>10229</v>
      </c>
      <c r="S35" s="51">
        <v>10979</v>
      </c>
      <c r="T35" s="51">
        <v>15154</v>
      </c>
      <c r="U35" s="51">
        <v>17450</v>
      </c>
      <c r="V35" s="51">
        <v>17796</v>
      </c>
      <c r="W35" s="51">
        <v>7136</v>
      </c>
      <c r="X35" s="51">
        <v>12815</v>
      </c>
      <c r="Y35" s="51">
        <v>17382</v>
      </c>
      <c r="Z35" s="51">
        <v>32182</v>
      </c>
      <c r="AA35" s="51">
        <v>371649</v>
      </c>
      <c r="AB35" s="51">
        <v>11134</v>
      </c>
      <c r="AC35" s="51">
        <v>15256</v>
      </c>
      <c r="AD35" s="51">
        <v>20478</v>
      </c>
      <c r="AE35" s="51">
        <v>17678</v>
      </c>
      <c r="AF35" s="51">
        <v>9119</v>
      </c>
      <c r="AG35" s="51">
        <v>14338</v>
      </c>
      <c r="AH35" s="51">
        <v>18119</v>
      </c>
      <c r="AI35" s="51">
        <v>18339</v>
      </c>
      <c r="AJ35" s="51">
        <v>16521</v>
      </c>
      <c r="AK35" s="51">
        <v>8701</v>
      </c>
      <c r="AL35" s="51">
        <v>20241</v>
      </c>
      <c r="AM35" s="51">
        <v>7209</v>
      </c>
      <c r="AN35" s="51">
        <v>7888</v>
      </c>
      <c r="AO35" s="51">
        <v>11795</v>
      </c>
      <c r="AP35" s="51">
        <v>7484</v>
      </c>
      <c r="AQ35" s="51">
        <v>7528</v>
      </c>
      <c r="AR35" s="51">
        <v>7051</v>
      </c>
      <c r="AS35" s="51">
        <v>127189</v>
      </c>
      <c r="AT35" s="51">
        <v>5544</v>
      </c>
      <c r="AU35" s="51">
        <v>6655</v>
      </c>
      <c r="AV35" s="51">
        <v>4501</v>
      </c>
      <c r="AW35" s="51">
        <v>2952</v>
      </c>
      <c r="AX35" s="51">
        <v>4539</v>
      </c>
      <c r="AY35" s="51">
        <v>8214</v>
      </c>
      <c r="AZ35" s="51">
        <v>3628</v>
      </c>
      <c r="BA35" s="51">
        <v>2935</v>
      </c>
      <c r="BB35" s="51">
        <v>3759</v>
      </c>
      <c r="BC35" s="51">
        <v>4041</v>
      </c>
      <c r="BD35" s="51">
        <v>1441</v>
      </c>
      <c r="BE35" s="51">
        <v>1757</v>
      </c>
      <c r="BF35" s="51">
        <v>4613</v>
      </c>
      <c r="BG35" s="51">
        <v>6876</v>
      </c>
      <c r="BH35" s="51">
        <v>3221</v>
      </c>
      <c r="BI35" s="51">
        <v>6587</v>
      </c>
      <c r="BJ35" s="51">
        <v>80700</v>
      </c>
      <c r="BK35" s="51">
        <v>28969</v>
      </c>
      <c r="BL35" s="51">
        <v>38854</v>
      </c>
      <c r="BM35" s="51">
        <v>31937</v>
      </c>
      <c r="BN35" s="50">
        <v>1603753</v>
      </c>
    </row>
    <row r="36" spans="1:66" ht="10" customHeight="1">
      <c r="A36" s="206"/>
      <c r="B36" s="16"/>
      <c r="C36" s="217" t="s">
        <v>192</v>
      </c>
      <c r="D36" s="209"/>
      <c r="E36" s="209"/>
      <c r="F36" s="210"/>
      <c r="G36" s="27"/>
      <c r="H36" s="27"/>
      <c r="I36" s="27"/>
      <c r="J36" s="27"/>
      <c r="K36" s="51">
        <v>115879</v>
      </c>
      <c r="L36" s="51">
        <v>0</v>
      </c>
      <c r="M36" s="51">
        <v>234671</v>
      </c>
      <c r="N36" s="51">
        <v>0</v>
      </c>
      <c r="O36" s="51">
        <v>0</v>
      </c>
      <c r="P36" s="51">
        <v>0</v>
      </c>
      <c r="Q36" s="51">
        <v>0</v>
      </c>
      <c r="R36" s="51">
        <v>0</v>
      </c>
      <c r="S36" s="51">
        <v>0</v>
      </c>
      <c r="T36" s="51">
        <v>0</v>
      </c>
      <c r="U36" s="51">
        <v>0</v>
      </c>
      <c r="V36" s="51">
        <v>0</v>
      </c>
      <c r="W36" s="51">
        <v>0</v>
      </c>
      <c r="X36" s="51">
        <v>0</v>
      </c>
      <c r="Y36" s="51">
        <v>1317</v>
      </c>
      <c r="Z36" s="51">
        <v>0</v>
      </c>
      <c r="AA36" s="51">
        <v>0</v>
      </c>
      <c r="AB36" s="51">
        <v>0</v>
      </c>
      <c r="AC36" s="51">
        <v>0</v>
      </c>
      <c r="AD36" s="51">
        <v>0</v>
      </c>
      <c r="AE36" s="51">
        <v>0</v>
      </c>
      <c r="AF36" s="51">
        <v>0</v>
      </c>
      <c r="AG36" s="51">
        <v>0</v>
      </c>
      <c r="AH36" s="51">
        <v>0</v>
      </c>
      <c r="AI36" s="51">
        <v>0</v>
      </c>
      <c r="AJ36" s="51">
        <v>2120</v>
      </c>
      <c r="AK36" s="51">
        <v>0</v>
      </c>
      <c r="AL36" s="51">
        <v>0</v>
      </c>
      <c r="AM36" s="51">
        <v>0</v>
      </c>
      <c r="AN36" s="51">
        <v>0</v>
      </c>
      <c r="AO36" s="51">
        <v>0</v>
      </c>
      <c r="AP36" s="51">
        <v>0</v>
      </c>
      <c r="AQ36" s="51">
        <v>0</v>
      </c>
      <c r="AR36" s="51">
        <v>0</v>
      </c>
      <c r="AS36" s="51">
        <v>0</v>
      </c>
      <c r="AT36" s="51">
        <v>0</v>
      </c>
      <c r="AU36" s="51">
        <v>3772</v>
      </c>
      <c r="AV36" s="51">
        <v>0</v>
      </c>
      <c r="AW36" s="51">
        <v>0</v>
      </c>
      <c r="AX36" s="51">
        <v>0</v>
      </c>
      <c r="AY36" s="51">
        <v>0</v>
      </c>
      <c r="AZ36" s="51">
        <v>0</v>
      </c>
      <c r="BA36" s="51">
        <v>0</v>
      </c>
      <c r="BB36" s="51">
        <v>0</v>
      </c>
      <c r="BC36" s="51">
        <v>0</v>
      </c>
      <c r="BD36" s="51">
        <v>0</v>
      </c>
      <c r="BE36" s="51">
        <v>0</v>
      </c>
      <c r="BF36" s="51">
        <v>0</v>
      </c>
      <c r="BG36" s="51">
        <v>0</v>
      </c>
      <c r="BH36" s="51">
        <v>0</v>
      </c>
      <c r="BI36" s="51">
        <v>0</v>
      </c>
      <c r="BJ36" s="51">
        <v>0</v>
      </c>
      <c r="BK36" s="51">
        <v>0</v>
      </c>
      <c r="BL36" s="51">
        <v>0</v>
      </c>
      <c r="BM36" s="51">
        <v>0</v>
      </c>
      <c r="BN36" s="50">
        <v>357759</v>
      </c>
    </row>
    <row r="37" spans="1:66" ht="10" customHeight="1">
      <c r="A37" s="206"/>
      <c r="B37" s="16"/>
      <c r="C37" s="217" t="s">
        <v>193</v>
      </c>
      <c r="D37" s="209"/>
      <c r="E37" s="209"/>
      <c r="F37" s="210"/>
      <c r="G37" s="27"/>
      <c r="H37" s="27"/>
      <c r="I37" s="27"/>
      <c r="J37" s="27"/>
      <c r="K37" s="51">
        <v>0</v>
      </c>
      <c r="L37" s="51">
        <v>0</v>
      </c>
      <c r="M37" s="51">
        <v>0</v>
      </c>
      <c r="N37" s="51">
        <v>0</v>
      </c>
      <c r="O37" s="51">
        <v>0</v>
      </c>
      <c r="P37" s="51">
        <v>0</v>
      </c>
      <c r="Q37" s="51">
        <v>0</v>
      </c>
      <c r="R37" s="51">
        <v>0</v>
      </c>
      <c r="S37" s="51">
        <v>0</v>
      </c>
      <c r="T37" s="51">
        <v>0</v>
      </c>
      <c r="U37" s="51">
        <v>0</v>
      </c>
      <c r="V37" s="51">
        <v>0</v>
      </c>
      <c r="W37" s="51">
        <v>0</v>
      </c>
      <c r="X37" s="51">
        <v>0</v>
      </c>
      <c r="Y37" s="51">
        <v>0</v>
      </c>
      <c r="Z37" s="51">
        <v>0</v>
      </c>
      <c r="AA37" s="51">
        <v>0</v>
      </c>
      <c r="AB37" s="51">
        <v>0</v>
      </c>
      <c r="AC37" s="51">
        <v>0</v>
      </c>
      <c r="AD37" s="51">
        <v>0</v>
      </c>
      <c r="AE37" s="51">
        <v>0</v>
      </c>
      <c r="AF37" s="51">
        <v>0</v>
      </c>
      <c r="AG37" s="51">
        <v>0</v>
      </c>
      <c r="AH37" s="51">
        <v>0</v>
      </c>
      <c r="AI37" s="51">
        <v>0</v>
      </c>
      <c r="AJ37" s="51">
        <v>0</v>
      </c>
      <c r="AK37" s="51">
        <v>0</v>
      </c>
      <c r="AL37" s="51">
        <v>0</v>
      </c>
      <c r="AM37" s="51">
        <v>0</v>
      </c>
      <c r="AN37" s="51">
        <v>0</v>
      </c>
      <c r="AO37" s="51">
        <v>0</v>
      </c>
      <c r="AP37" s="51">
        <v>0</v>
      </c>
      <c r="AQ37" s="51">
        <v>0</v>
      </c>
      <c r="AR37" s="51">
        <v>0</v>
      </c>
      <c r="AS37" s="51">
        <v>0</v>
      </c>
      <c r="AT37" s="51">
        <v>0</v>
      </c>
      <c r="AU37" s="51">
        <v>0</v>
      </c>
      <c r="AV37" s="51">
        <v>0</v>
      </c>
      <c r="AW37" s="51">
        <v>0</v>
      </c>
      <c r="AX37" s="51">
        <v>0</v>
      </c>
      <c r="AY37" s="51">
        <v>0</v>
      </c>
      <c r="AZ37" s="51">
        <v>0</v>
      </c>
      <c r="BA37" s="51">
        <v>0</v>
      </c>
      <c r="BB37" s="51">
        <v>0</v>
      </c>
      <c r="BC37" s="51">
        <v>0</v>
      </c>
      <c r="BD37" s="51">
        <v>0</v>
      </c>
      <c r="BE37" s="51">
        <v>0</v>
      </c>
      <c r="BF37" s="51">
        <v>0</v>
      </c>
      <c r="BG37" s="51">
        <v>0</v>
      </c>
      <c r="BH37" s="51">
        <v>0</v>
      </c>
      <c r="BI37" s="51">
        <v>0</v>
      </c>
      <c r="BJ37" s="51">
        <v>0</v>
      </c>
      <c r="BK37" s="51">
        <v>0</v>
      </c>
      <c r="BL37" s="51">
        <v>0</v>
      </c>
      <c r="BM37" s="51">
        <v>0</v>
      </c>
      <c r="BN37" s="50">
        <v>0</v>
      </c>
    </row>
    <row r="38" spans="1:66" ht="10" customHeight="1">
      <c r="A38" s="206"/>
      <c r="B38" s="16"/>
      <c r="C38" s="217" t="s">
        <v>553</v>
      </c>
      <c r="D38" s="209"/>
      <c r="E38" s="209"/>
      <c r="F38" s="210"/>
      <c r="G38" s="27"/>
      <c r="H38" s="27"/>
      <c r="I38" s="27"/>
      <c r="J38" s="27"/>
      <c r="K38" s="51">
        <v>4097629</v>
      </c>
      <c r="L38" s="51">
        <v>607977</v>
      </c>
      <c r="M38" s="51">
        <v>525010</v>
      </c>
      <c r="N38" s="51">
        <v>756938</v>
      </c>
      <c r="O38" s="51">
        <v>586327</v>
      </c>
      <c r="P38" s="51">
        <v>633431</v>
      </c>
      <c r="Q38" s="51">
        <v>124324</v>
      </c>
      <c r="R38" s="51">
        <v>460864</v>
      </c>
      <c r="S38" s="51">
        <v>366726</v>
      </c>
      <c r="T38" s="51">
        <v>255940</v>
      </c>
      <c r="U38" s="51">
        <v>333248</v>
      </c>
      <c r="V38" s="51">
        <v>174217</v>
      </c>
      <c r="W38" s="51">
        <v>152263</v>
      </c>
      <c r="X38" s="51">
        <v>314712</v>
      </c>
      <c r="Y38" s="51">
        <v>328329</v>
      </c>
      <c r="Z38" s="51">
        <v>455847</v>
      </c>
      <c r="AA38" s="51">
        <v>1455935</v>
      </c>
      <c r="AB38" s="51">
        <v>78770</v>
      </c>
      <c r="AC38" s="51">
        <v>603379</v>
      </c>
      <c r="AD38" s="51">
        <v>420530</v>
      </c>
      <c r="AE38" s="51">
        <v>718747</v>
      </c>
      <c r="AF38" s="51">
        <v>134408</v>
      </c>
      <c r="AG38" s="51">
        <v>228905</v>
      </c>
      <c r="AH38" s="51">
        <v>339279</v>
      </c>
      <c r="AI38" s="51">
        <v>316142</v>
      </c>
      <c r="AJ38" s="51">
        <v>245454</v>
      </c>
      <c r="AK38" s="51">
        <v>209925</v>
      </c>
      <c r="AL38" s="51">
        <v>481536</v>
      </c>
      <c r="AM38" s="51">
        <v>167586</v>
      </c>
      <c r="AN38" s="51">
        <v>103619</v>
      </c>
      <c r="AO38" s="51">
        <v>56833</v>
      </c>
      <c r="AP38" s="51">
        <v>384257</v>
      </c>
      <c r="AQ38" s="51">
        <v>299507</v>
      </c>
      <c r="AR38" s="51">
        <v>1289873</v>
      </c>
      <c r="AS38" s="51">
        <v>38405</v>
      </c>
      <c r="AT38" s="51">
        <v>34774</v>
      </c>
      <c r="AU38" s="51">
        <v>82007</v>
      </c>
      <c r="AV38" s="51">
        <v>18897</v>
      </c>
      <c r="AW38" s="51">
        <v>0</v>
      </c>
      <c r="AX38" s="51">
        <v>92922</v>
      </c>
      <c r="AY38" s="51">
        <v>61667</v>
      </c>
      <c r="AZ38" s="51">
        <v>102812</v>
      </c>
      <c r="BA38" s="51">
        <v>18939</v>
      </c>
      <c r="BB38" s="51">
        <v>31460</v>
      </c>
      <c r="BC38" s="51">
        <v>13291</v>
      </c>
      <c r="BD38" s="51">
        <v>735766</v>
      </c>
      <c r="BE38" s="51">
        <v>30346</v>
      </c>
      <c r="BF38" s="51">
        <v>77744</v>
      </c>
      <c r="BG38" s="51">
        <v>377191</v>
      </c>
      <c r="BH38" s="51">
        <v>696327</v>
      </c>
      <c r="BI38" s="51">
        <v>237296</v>
      </c>
      <c r="BJ38" s="51">
        <v>1204660</v>
      </c>
      <c r="BK38" s="51">
        <v>657770</v>
      </c>
      <c r="BL38" s="51">
        <v>189782</v>
      </c>
      <c r="BM38" s="51">
        <v>508590</v>
      </c>
      <c r="BN38" s="50">
        <v>22919113</v>
      </c>
    </row>
    <row r="39" spans="1:66" ht="10" customHeight="1">
      <c r="A39" s="206"/>
      <c r="B39" s="16"/>
      <c r="C39" s="217" t="s">
        <v>554</v>
      </c>
      <c r="D39" s="209"/>
      <c r="E39" s="209"/>
      <c r="F39" s="210"/>
      <c r="G39" s="27"/>
      <c r="H39" s="27"/>
      <c r="I39" s="27"/>
      <c r="J39" s="27"/>
      <c r="K39" s="51">
        <v>279</v>
      </c>
      <c r="L39" s="51">
        <v>11</v>
      </c>
      <c r="M39" s="51">
        <v>23</v>
      </c>
      <c r="N39" s="51">
        <v>0</v>
      </c>
      <c r="O39" s="51">
        <v>2729</v>
      </c>
      <c r="P39" s="51">
        <v>860</v>
      </c>
      <c r="Q39" s="51">
        <v>0</v>
      </c>
      <c r="R39" s="51">
        <v>0</v>
      </c>
      <c r="S39" s="51">
        <v>0</v>
      </c>
      <c r="T39" s="51">
        <v>407</v>
      </c>
      <c r="U39" s="51">
        <v>0</v>
      </c>
      <c r="V39" s="51">
        <v>0</v>
      </c>
      <c r="W39" s="51">
        <v>0</v>
      </c>
      <c r="X39" s="51">
        <v>0</v>
      </c>
      <c r="Y39" s="51">
        <v>0</v>
      </c>
      <c r="Z39" s="51">
        <v>0</v>
      </c>
      <c r="AA39" s="51">
        <v>0</v>
      </c>
      <c r="AB39" s="51">
        <v>0</v>
      </c>
      <c r="AC39" s="51">
        <v>0</v>
      </c>
      <c r="AD39" s="51">
        <v>0</v>
      </c>
      <c r="AE39" s="51">
        <v>0</v>
      </c>
      <c r="AF39" s="51">
        <v>0</v>
      </c>
      <c r="AG39" s="51">
        <v>0</v>
      </c>
      <c r="AH39" s="51">
        <v>0</v>
      </c>
      <c r="AI39" s="51">
        <v>0</v>
      </c>
      <c r="AJ39" s="51">
        <v>0</v>
      </c>
      <c r="AK39" s="51">
        <v>0</v>
      </c>
      <c r="AL39" s="51">
        <v>0</v>
      </c>
      <c r="AM39" s="51">
        <v>0</v>
      </c>
      <c r="AN39" s="51">
        <v>198</v>
      </c>
      <c r="AO39" s="51">
        <v>0</v>
      </c>
      <c r="AP39" s="51">
        <v>0</v>
      </c>
      <c r="AQ39" s="51">
        <v>0</v>
      </c>
      <c r="AR39" s="51">
        <v>22628</v>
      </c>
      <c r="AS39" s="51">
        <v>0</v>
      </c>
      <c r="AT39" s="51">
        <v>597</v>
      </c>
      <c r="AU39" s="51">
        <v>0</v>
      </c>
      <c r="AV39" s="51">
        <v>5</v>
      </c>
      <c r="AW39" s="51">
        <v>0</v>
      </c>
      <c r="AX39" s="51">
        <v>0</v>
      </c>
      <c r="AY39" s="51">
        <v>72</v>
      </c>
      <c r="AZ39" s="51">
        <v>0</v>
      </c>
      <c r="BA39" s="51">
        <v>34</v>
      </c>
      <c r="BB39" s="51">
        <v>0</v>
      </c>
      <c r="BC39" s="51">
        <v>0</v>
      </c>
      <c r="BD39" s="51">
        <v>70</v>
      </c>
      <c r="BE39" s="51">
        <v>0</v>
      </c>
      <c r="BF39" s="51">
        <v>0</v>
      </c>
      <c r="BG39" s="51">
        <v>0</v>
      </c>
      <c r="BH39" s="51">
        <v>198</v>
      </c>
      <c r="BI39" s="51">
        <v>0</v>
      </c>
      <c r="BJ39" s="51">
        <v>0</v>
      </c>
      <c r="BK39" s="51">
        <v>0</v>
      </c>
      <c r="BL39" s="51">
        <v>25538</v>
      </c>
      <c r="BM39" s="51">
        <v>0</v>
      </c>
      <c r="BN39" s="50">
        <v>53649</v>
      </c>
    </row>
    <row r="40" spans="1:66" ht="10" customHeight="1">
      <c r="A40" s="206"/>
      <c r="B40" s="17"/>
      <c r="C40" s="217" t="s">
        <v>191</v>
      </c>
      <c r="D40" s="209"/>
      <c r="E40" s="209"/>
      <c r="F40" s="210"/>
      <c r="G40" s="27"/>
      <c r="H40" s="27"/>
      <c r="I40" s="27"/>
      <c r="J40" s="27"/>
      <c r="K40" s="51">
        <v>1631948</v>
      </c>
      <c r="L40" s="51">
        <v>354102</v>
      </c>
      <c r="M40" s="51">
        <v>35841</v>
      </c>
      <c r="N40" s="51">
        <v>116274</v>
      </c>
      <c r="O40" s="51">
        <v>360</v>
      </c>
      <c r="P40" s="51">
        <v>348782</v>
      </c>
      <c r="Q40" s="51">
        <v>9671</v>
      </c>
      <c r="R40" s="51">
        <v>53336</v>
      </c>
      <c r="S40" s="51">
        <v>73205</v>
      </c>
      <c r="T40" s="51">
        <v>1277</v>
      </c>
      <c r="U40" s="51">
        <v>249953</v>
      </c>
      <c r="V40" s="51">
        <v>161093</v>
      </c>
      <c r="W40" s="51">
        <v>26032</v>
      </c>
      <c r="X40" s="51">
        <v>112050</v>
      </c>
      <c r="Y40" s="51">
        <v>149277</v>
      </c>
      <c r="Z40" s="51">
        <v>237180</v>
      </c>
      <c r="AA40" s="51">
        <v>252367</v>
      </c>
      <c r="AB40" s="51">
        <v>17019</v>
      </c>
      <c r="AC40" s="51">
        <v>5237</v>
      </c>
      <c r="AD40" s="51">
        <v>124408</v>
      </c>
      <c r="AE40" s="51">
        <v>98333</v>
      </c>
      <c r="AF40" s="51">
        <v>21735</v>
      </c>
      <c r="AG40" s="51">
        <v>54584</v>
      </c>
      <c r="AH40" s="51">
        <v>148838</v>
      </c>
      <c r="AI40" s="51">
        <v>109803</v>
      </c>
      <c r="AJ40" s="51">
        <v>15949</v>
      </c>
      <c r="AK40" s="51">
        <v>90039</v>
      </c>
      <c r="AL40" s="51">
        <v>157145</v>
      </c>
      <c r="AM40" s="51">
        <v>95419</v>
      </c>
      <c r="AN40" s="51">
        <v>17472</v>
      </c>
      <c r="AO40" s="51">
        <v>87869</v>
      </c>
      <c r="AP40" s="51">
        <v>1399</v>
      </c>
      <c r="AQ40" s="51">
        <v>135128</v>
      </c>
      <c r="AR40" s="51">
        <v>1856</v>
      </c>
      <c r="AS40" s="51">
        <v>2873</v>
      </c>
      <c r="AT40" s="51">
        <v>46973</v>
      </c>
      <c r="AU40" s="51">
        <v>0</v>
      </c>
      <c r="AV40" s="51">
        <v>56</v>
      </c>
      <c r="AW40" s="51">
        <v>0</v>
      </c>
      <c r="AX40" s="51">
        <v>17179</v>
      </c>
      <c r="AY40" s="51">
        <v>30890</v>
      </c>
      <c r="AZ40" s="51">
        <v>22807</v>
      </c>
      <c r="BA40" s="51">
        <v>18685</v>
      </c>
      <c r="BB40" s="51">
        <v>2793</v>
      </c>
      <c r="BC40" s="51">
        <v>2170</v>
      </c>
      <c r="BD40" s="51">
        <v>8695</v>
      </c>
      <c r="BE40" s="51">
        <v>545</v>
      </c>
      <c r="BF40" s="51">
        <v>1005</v>
      </c>
      <c r="BG40" s="51">
        <v>0</v>
      </c>
      <c r="BH40" s="51">
        <v>20479</v>
      </c>
      <c r="BI40" s="51">
        <v>29590</v>
      </c>
      <c r="BJ40" s="51">
        <v>352420</v>
      </c>
      <c r="BK40" s="51">
        <v>143449</v>
      </c>
      <c r="BL40" s="51">
        <v>16084</v>
      </c>
      <c r="BM40" s="51">
        <v>3355</v>
      </c>
      <c r="BN40" s="50">
        <v>5715029</v>
      </c>
    </row>
    <row r="41" spans="1:66" ht="10" customHeight="1">
      <c r="A41" s="206"/>
      <c r="B41" s="222" t="s">
        <v>194</v>
      </c>
      <c r="C41" s="209"/>
      <c r="D41" s="209"/>
      <c r="E41" s="209"/>
      <c r="F41" s="210"/>
      <c r="G41" s="27"/>
      <c r="H41" s="27"/>
      <c r="I41" s="27"/>
      <c r="J41" s="27"/>
      <c r="K41" s="51">
        <v>26301082</v>
      </c>
      <c r="L41" s="51">
        <v>7206166</v>
      </c>
      <c r="M41" s="51">
        <v>9890919</v>
      </c>
      <c r="N41" s="51">
        <v>5198707</v>
      </c>
      <c r="O41" s="51">
        <v>3923513</v>
      </c>
      <c r="P41" s="51">
        <v>8338532</v>
      </c>
      <c r="Q41" s="51">
        <v>4901723</v>
      </c>
      <c r="R41" s="51">
        <v>2768032</v>
      </c>
      <c r="S41" s="51">
        <v>2224832</v>
      </c>
      <c r="T41" s="51">
        <v>3732012</v>
      </c>
      <c r="U41" s="51">
        <v>6981581</v>
      </c>
      <c r="V41" s="51">
        <v>4682755</v>
      </c>
      <c r="W41" s="51">
        <v>626721</v>
      </c>
      <c r="X41" s="51">
        <v>3183302</v>
      </c>
      <c r="Y41" s="51">
        <v>5555657</v>
      </c>
      <c r="Z41" s="51">
        <v>6067530</v>
      </c>
      <c r="AA41" s="51">
        <v>6794046</v>
      </c>
      <c r="AB41" s="51">
        <v>1076089</v>
      </c>
      <c r="AC41" s="51">
        <v>2158995</v>
      </c>
      <c r="AD41" s="51">
        <v>6232232</v>
      </c>
      <c r="AE41" s="51">
        <v>1635839</v>
      </c>
      <c r="AF41" s="51">
        <v>1681544</v>
      </c>
      <c r="AG41" s="51">
        <v>2497181</v>
      </c>
      <c r="AH41" s="51">
        <v>5319858</v>
      </c>
      <c r="AI41" s="51">
        <v>4940197</v>
      </c>
      <c r="AJ41" s="51">
        <v>6921747</v>
      </c>
      <c r="AK41" s="51">
        <v>1221983</v>
      </c>
      <c r="AL41" s="51">
        <v>8320900</v>
      </c>
      <c r="AM41" s="51">
        <v>1494582</v>
      </c>
      <c r="AN41" s="51">
        <v>1230043</v>
      </c>
      <c r="AO41" s="51">
        <v>1548454</v>
      </c>
      <c r="AP41" s="51">
        <v>5868541</v>
      </c>
      <c r="AQ41" s="51">
        <v>2454424</v>
      </c>
      <c r="AR41" s="51">
        <v>2521119</v>
      </c>
      <c r="AS41" s="51">
        <v>2110452</v>
      </c>
      <c r="AT41" s="51">
        <v>1113154</v>
      </c>
      <c r="AU41" s="51">
        <v>1792037</v>
      </c>
      <c r="AV41" s="51">
        <v>110073</v>
      </c>
      <c r="AW41" s="51">
        <v>135580</v>
      </c>
      <c r="AX41" s="51">
        <v>598448</v>
      </c>
      <c r="AY41" s="51">
        <v>1429719</v>
      </c>
      <c r="AZ41" s="51">
        <v>895854</v>
      </c>
      <c r="BA41" s="51">
        <v>751413</v>
      </c>
      <c r="BB41" s="51">
        <v>357771</v>
      </c>
      <c r="BC41" s="51">
        <v>495759</v>
      </c>
      <c r="BD41" s="51">
        <v>760461</v>
      </c>
      <c r="BE41" s="51">
        <v>343974</v>
      </c>
      <c r="BF41" s="51">
        <v>656811</v>
      </c>
      <c r="BG41" s="51">
        <v>1574224</v>
      </c>
      <c r="BH41" s="51">
        <v>1429737</v>
      </c>
      <c r="BI41" s="51">
        <v>1957402</v>
      </c>
      <c r="BJ41" s="51">
        <v>18276890</v>
      </c>
      <c r="BK41" s="51">
        <v>4936682</v>
      </c>
      <c r="BL41" s="51">
        <v>3788656</v>
      </c>
      <c r="BM41" s="51">
        <v>11900150</v>
      </c>
      <c r="BN41" s="50">
        <v>220916085</v>
      </c>
    </row>
    <row r="42" spans="1:66" ht="10" customHeight="1">
      <c r="A42" s="206"/>
      <c r="B42" s="82"/>
      <c r="C42" s="217" t="s">
        <v>559</v>
      </c>
      <c r="D42" s="209"/>
      <c r="E42" s="209"/>
      <c r="F42" s="210"/>
      <c r="G42" s="27"/>
      <c r="H42" s="27"/>
      <c r="I42" s="27"/>
      <c r="J42" s="27"/>
      <c r="K42" s="51">
        <v>57998597</v>
      </c>
      <c r="L42" s="51">
        <v>18780850</v>
      </c>
      <c r="M42" s="51">
        <v>20309341</v>
      </c>
      <c r="N42" s="51">
        <v>12509784</v>
      </c>
      <c r="O42" s="51">
        <v>9440694</v>
      </c>
      <c r="P42" s="51">
        <v>24285445</v>
      </c>
      <c r="Q42" s="51">
        <v>14977426</v>
      </c>
      <c r="R42" s="51">
        <v>9107360</v>
      </c>
      <c r="S42" s="51">
        <v>5471966</v>
      </c>
      <c r="T42" s="51">
        <v>9038726</v>
      </c>
      <c r="U42" s="51">
        <v>20331787</v>
      </c>
      <c r="V42" s="51">
        <v>15104982</v>
      </c>
      <c r="W42" s="51">
        <v>1681043</v>
      </c>
      <c r="X42" s="51">
        <v>5983777</v>
      </c>
      <c r="Y42" s="51">
        <v>11293347</v>
      </c>
      <c r="Z42" s="51">
        <v>12497520</v>
      </c>
      <c r="AA42" s="51">
        <v>16041348</v>
      </c>
      <c r="AB42" s="51">
        <v>2215369</v>
      </c>
      <c r="AC42" s="51">
        <v>4584677</v>
      </c>
      <c r="AD42" s="51">
        <v>16406921</v>
      </c>
      <c r="AE42" s="51">
        <v>3857180</v>
      </c>
      <c r="AF42" s="51">
        <v>3642298</v>
      </c>
      <c r="AG42" s="51">
        <v>8426898</v>
      </c>
      <c r="AH42" s="51">
        <v>14726345</v>
      </c>
      <c r="AI42" s="51">
        <v>15047865</v>
      </c>
      <c r="AJ42" s="51">
        <v>12163272</v>
      </c>
      <c r="AK42" s="51">
        <v>3666714</v>
      </c>
      <c r="AL42" s="51">
        <v>15010223</v>
      </c>
      <c r="AM42" s="51">
        <v>3611345</v>
      </c>
      <c r="AN42" s="51">
        <v>3794036</v>
      </c>
      <c r="AO42" s="51">
        <v>4906109</v>
      </c>
      <c r="AP42" s="51">
        <v>12258417</v>
      </c>
      <c r="AQ42" s="51">
        <v>6590816</v>
      </c>
      <c r="AR42" s="51">
        <v>6013877</v>
      </c>
      <c r="AS42" s="51">
        <v>4892823</v>
      </c>
      <c r="AT42" s="51">
        <v>2440748</v>
      </c>
      <c r="AU42" s="51">
        <v>4477769</v>
      </c>
      <c r="AV42" s="51">
        <v>458116</v>
      </c>
      <c r="AW42" s="51">
        <v>161891</v>
      </c>
      <c r="AX42" s="51">
        <v>1861656</v>
      </c>
      <c r="AY42" s="51">
        <v>4257172</v>
      </c>
      <c r="AZ42" s="51">
        <v>2532896</v>
      </c>
      <c r="BA42" s="51">
        <v>2255021</v>
      </c>
      <c r="BB42" s="51">
        <v>1780508</v>
      </c>
      <c r="BC42" s="51">
        <v>1299934</v>
      </c>
      <c r="BD42" s="51">
        <v>1395095</v>
      </c>
      <c r="BE42" s="51">
        <v>1024972</v>
      </c>
      <c r="BF42" s="51">
        <v>1796967</v>
      </c>
      <c r="BG42" s="51">
        <v>4083355</v>
      </c>
      <c r="BH42" s="51">
        <v>3719619</v>
      </c>
      <c r="BI42" s="51">
        <v>6366185</v>
      </c>
      <c r="BJ42" s="51">
        <v>38103533</v>
      </c>
      <c r="BK42" s="51">
        <v>10579297</v>
      </c>
      <c r="BL42" s="51">
        <v>14581269</v>
      </c>
      <c r="BM42" s="51">
        <v>21768911</v>
      </c>
      <c r="BN42" s="50">
        <v>531614092</v>
      </c>
    </row>
    <row r="43" spans="1:66" ht="10" customHeight="1">
      <c r="A43" s="206"/>
      <c r="B43" s="28"/>
      <c r="C43" s="217" t="s">
        <v>576</v>
      </c>
      <c r="D43" s="209"/>
      <c r="E43" s="209"/>
      <c r="F43" s="210"/>
      <c r="G43" s="27"/>
      <c r="H43" s="27"/>
      <c r="I43" s="27"/>
      <c r="J43" s="27"/>
      <c r="K43" s="77">
        <v>31697515</v>
      </c>
      <c r="L43" s="77">
        <v>11574684</v>
      </c>
      <c r="M43" s="77">
        <v>10418422</v>
      </c>
      <c r="N43" s="77">
        <v>7311077</v>
      </c>
      <c r="O43" s="77">
        <v>5517181</v>
      </c>
      <c r="P43" s="77">
        <v>15946913</v>
      </c>
      <c r="Q43" s="77">
        <v>10075703</v>
      </c>
      <c r="R43" s="77">
        <v>6339328</v>
      </c>
      <c r="S43" s="77">
        <v>3247134</v>
      </c>
      <c r="T43" s="77">
        <v>5306714</v>
      </c>
      <c r="U43" s="77">
        <v>13350206</v>
      </c>
      <c r="V43" s="77">
        <v>10422227</v>
      </c>
      <c r="W43" s="77">
        <v>1054322</v>
      </c>
      <c r="X43" s="77">
        <v>2800475</v>
      </c>
      <c r="Y43" s="77">
        <v>5737690</v>
      </c>
      <c r="Z43" s="77">
        <v>6429990</v>
      </c>
      <c r="AA43" s="77">
        <v>9247302</v>
      </c>
      <c r="AB43" s="77">
        <v>1139280</v>
      </c>
      <c r="AC43" s="77">
        <v>2425682</v>
      </c>
      <c r="AD43" s="77">
        <v>10174689</v>
      </c>
      <c r="AE43" s="77">
        <v>2221341</v>
      </c>
      <c r="AF43" s="77">
        <v>1960754</v>
      </c>
      <c r="AG43" s="77">
        <v>5929717</v>
      </c>
      <c r="AH43" s="77">
        <v>9406487</v>
      </c>
      <c r="AI43" s="77">
        <v>10107668</v>
      </c>
      <c r="AJ43" s="77">
        <v>5241525</v>
      </c>
      <c r="AK43" s="77">
        <v>2444731</v>
      </c>
      <c r="AL43" s="77">
        <v>6689323</v>
      </c>
      <c r="AM43" s="77">
        <v>2116763</v>
      </c>
      <c r="AN43" s="77">
        <v>2563993</v>
      </c>
      <c r="AO43" s="77">
        <v>3357655</v>
      </c>
      <c r="AP43" s="77">
        <v>6389876</v>
      </c>
      <c r="AQ43" s="77">
        <v>4136392</v>
      </c>
      <c r="AR43" s="77">
        <v>3492758</v>
      </c>
      <c r="AS43" s="77">
        <v>2782371</v>
      </c>
      <c r="AT43" s="77">
        <v>1327594</v>
      </c>
      <c r="AU43" s="77">
        <v>2685732</v>
      </c>
      <c r="AV43" s="77">
        <v>348043</v>
      </c>
      <c r="AW43" s="77">
        <v>26311</v>
      </c>
      <c r="AX43" s="77">
        <v>1263208</v>
      </c>
      <c r="AY43" s="77">
        <v>2827453</v>
      </c>
      <c r="AZ43" s="77">
        <v>1637042</v>
      </c>
      <c r="BA43" s="77">
        <v>1503608</v>
      </c>
      <c r="BB43" s="77">
        <v>1422737</v>
      </c>
      <c r="BC43" s="77">
        <v>804175</v>
      </c>
      <c r="BD43" s="77">
        <v>634634</v>
      </c>
      <c r="BE43" s="77">
        <v>680998</v>
      </c>
      <c r="BF43" s="77">
        <v>1140156</v>
      </c>
      <c r="BG43" s="77">
        <v>2509131</v>
      </c>
      <c r="BH43" s="77">
        <v>2289882</v>
      </c>
      <c r="BI43" s="77">
        <v>4408783</v>
      </c>
      <c r="BJ43" s="77">
        <v>19826643</v>
      </c>
      <c r="BK43" s="77">
        <v>5642615</v>
      </c>
      <c r="BL43" s="77">
        <v>10792613</v>
      </c>
      <c r="BM43" s="77">
        <v>9868761</v>
      </c>
      <c r="BN43" s="79">
        <v>310698007</v>
      </c>
    </row>
    <row r="44" spans="1:66" ht="10" customHeight="1">
      <c r="A44" s="207"/>
      <c r="B44" s="217" t="s">
        <v>555</v>
      </c>
      <c r="C44" s="209"/>
      <c r="D44" s="209"/>
      <c r="E44" s="209"/>
      <c r="F44" s="210"/>
      <c r="G44" s="27"/>
      <c r="H44" s="27"/>
      <c r="I44" s="27"/>
      <c r="J44" s="27"/>
      <c r="K44" s="51">
        <v>82325940</v>
      </c>
      <c r="L44" s="51">
        <v>16651137</v>
      </c>
      <c r="M44" s="51">
        <v>21675356</v>
      </c>
      <c r="N44" s="51">
        <v>35755325</v>
      </c>
      <c r="O44" s="51">
        <v>10114847</v>
      </c>
      <c r="P44" s="51">
        <v>19853668</v>
      </c>
      <c r="Q44" s="51">
        <v>8609266</v>
      </c>
      <c r="R44" s="51">
        <v>10371811</v>
      </c>
      <c r="S44" s="51">
        <v>4558819</v>
      </c>
      <c r="T44" s="51">
        <v>4392387</v>
      </c>
      <c r="U44" s="51">
        <v>13953647</v>
      </c>
      <c r="V44" s="51">
        <v>7232666</v>
      </c>
      <c r="W44" s="51">
        <v>5148857</v>
      </c>
      <c r="X44" s="51">
        <v>5542395</v>
      </c>
      <c r="Y44" s="51">
        <v>17112652</v>
      </c>
      <c r="Z44" s="51">
        <v>9933479</v>
      </c>
      <c r="AA44" s="51">
        <v>10453629</v>
      </c>
      <c r="AB44" s="51">
        <v>3315833</v>
      </c>
      <c r="AC44" s="51">
        <v>6002834</v>
      </c>
      <c r="AD44" s="51">
        <v>9541509</v>
      </c>
      <c r="AE44" s="51">
        <v>7883622</v>
      </c>
      <c r="AF44" s="51">
        <v>4108837</v>
      </c>
      <c r="AG44" s="51">
        <v>3076072</v>
      </c>
      <c r="AH44" s="51">
        <v>8965751</v>
      </c>
      <c r="AI44" s="51">
        <v>6363812</v>
      </c>
      <c r="AJ44" s="51">
        <v>10275192</v>
      </c>
      <c r="AK44" s="51">
        <v>1733357</v>
      </c>
      <c r="AL44" s="51">
        <v>13188575</v>
      </c>
      <c r="AM44" s="51">
        <v>2524789</v>
      </c>
      <c r="AN44" s="51">
        <v>2477193</v>
      </c>
      <c r="AO44" s="51">
        <v>4410808</v>
      </c>
      <c r="AP44" s="51">
        <v>7800217</v>
      </c>
      <c r="AQ44" s="51">
        <v>4242305</v>
      </c>
      <c r="AR44" s="51">
        <v>5257202</v>
      </c>
      <c r="AS44" s="51">
        <v>3247558</v>
      </c>
      <c r="AT44" s="51">
        <v>3439303</v>
      </c>
      <c r="AU44" s="51">
        <v>3335872</v>
      </c>
      <c r="AV44" s="51">
        <v>189857</v>
      </c>
      <c r="AW44" s="51">
        <v>666001</v>
      </c>
      <c r="AX44" s="51">
        <v>1645182</v>
      </c>
      <c r="AY44" s="51">
        <v>1751310</v>
      </c>
      <c r="AZ44" s="51">
        <v>2109925</v>
      </c>
      <c r="BA44" s="51">
        <v>1846833</v>
      </c>
      <c r="BB44" s="51">
        <v>448109</v>
      </c>
      <c r="BC44" s="51">
        <v>1073110</v>
      </c>
      <c r="BD44" s="51">
        <v>2519111</v>
      </c>
      <c r="BE44" s="51">
        <v>580174</v>
      </c>
      <c r="BF44" s="51">
        <v>1992502</v>
      </c>
      <c r="BG44" s="51">
        <v>2603374</v>
      </c>
      <c r="BH44" s="51">
        <v>3989422</v>
      </c>
      <c r="BI44" s="51">
        <v>3270996</v>
      </c>
      <c r="BJ44" s="51">
        <v>28175995</v>
      </c>
      <c r="BK44" s="51">
        <v>6082477</v>
      </c>
      <c r="BL44" s="51">
        <v>4204327</v>
      </c>
      <c r="BM44" s="51">
        <v>20788482</v>
      </c>
      <c r="BN44" s="50">
        <v>478813709</v>
      </c>
    </row>
    <row r="45" spans="1:66" ht="10" customHeight="1">
      <c r="A45" s="205" t="s">
        <v>195</v>
      </c>
      <c r="B45" s="222" t="s">
        <v>161</v>
      </c>
      <c r="C45" s="219"/>
      <c r="D45" s="219"/>
      <c r="E45" s="219"/>
      <c r="F45" s="220"/>
      <c r="G45" s="27"/>
      <c r="H45" s="27"/>
      <c r="I45" s="27"/>
      <c r="J45" s="27"/>
      <c r="K45" s="51">
        <v>148834488</v>
      </c>
      <c r="L45" s="51">
        <v>25098198</v>
      </c>
      <c r="M45" s="51">
        <v>20262153</v>
      </c>
      <c r="N45" s="51">
        <v>47569105</v>
      </c>
      <c r="O45" s="51">
        <v>6703470</v>
      </c>
      <c r="P45" s="51">
        <v>35932106</v>
      </c>
      <c r="Q45" s="51">
        <v>9966404</v>
      </c>
      <c r="R45" s="51">
        <v>6543208</v>
      </c>
      <c r="S45" s="51">
        <v>7483308</v>
      </c>
      <c r="T45" s="51">
        <v>11232977</v>
      </c>
      <c r="U45" s="51">
        <v>11199081</v>
      </c>
      <c r="V45" s="51">
        <v>17381766</v>
      </c>
      <c r="W45" s="51">
        <v>3008860</v>
      </c>
      <c r="X45" s="51">
        <v>10797096</v>
      </c>
      <c r="Y45" s="51">
        <v>17757256</v>
      </c>
      <c r="Z45" s="51">
        <v>18361193</v>
      </c>
      <c r="AA45" s="51">
        <v>23247544</v>
      </c>
      <c r="AB45" s="51">
        <v>7409696</v>
      </c>
      <c r="AC45" s="51">
        <v>10613379</v>
      </c>
      <c r="AD45" s="51">
        <v>15267985</v>
      </c>
      <c r="AE45" s="51">
        <v>9248027</v>
      </c>
      <c r="AF45" s="51">
        <v>5706840</v>
      </c>
      <c r="AG45" s="51">
        <v>7323178</v>
      </c>
      <c r="AH45" s="51">
        <v>12018617</v>
      </c>
      <c r="AI45" s="51">
        <v>20607237</v>
      </c>
      <c r="AJ45" s="51">
        <v>7794934</v>
      </c>
      <c r="AK45" s="51">
        <v>9259744</v>
      </c>
      <c r="AL45" s="51">
        <v>9717957</v>
      </c>
      <c r="AM45" s="51">
        <v>4008422</v>
      </c>
      <c r="AN45" s="51">
        <v>3922367</v>
      </c>
      <c r="AO45" s="51">
        <v>5356821</v>
      </c>
      <c r="AP45" s="51">
        <v>6843603</v>
      </c>
      <c r="AQ45" s="51">
        <v>5131995</v>
      </c>
      <c r="AR45" s="51">
        <v>3770092</v>
      </c>
      <c r="AS45" s="51">
        <v>6517330</v>
      </c>
      <c r="AT45" s="51">
        <v>2524452</v>
      </c>
      <c r="AU45" s="51">
        <v>4528207</v>
      </c>
      <c r="AV45" s="51">
        <v>1217864</v>
      </c>
      <c r="AW45" s="51">
        <v>455559</v>
      </c>
      <c r="AX45" s="51">
        <v>4081660</v>
      </c>
      <c r="AY45" s="51">
        <v>3005471</v>
      </c>
      <c r="AZ45" s="51">
        <v>729937</v>
      </c>
      <c r="BA45" s="51">
        <v>3107015</v>
      </c>
      <c r="BB45" s="51">
        <v>1887813</v>
      </c>
      <c r="BC45" s="51">
        <v>1383737</v>
      </c>
      <c r="BD45" s="51">
        <v>1215622</v>
      </c>
      <c r="BE45" s="51">
        <v>900088</v>
      </c>
      <c r="BF45" s="51">
        <v>1897526</v>
      </c>
      <c r="BG45" s="51">
        <v>4555510</v>
      </c>
      <c r="BH45" s="51">
        <v>3483734</v>
      </c>
      <c r="BI45" s="51">
        <v>4264904</v>
      </c>
      <c r="BJ45" s="51">
        <v>34263071</v>
      </c>
      <c r="BK45" s="51">
        <v>16277542</v>
      </c>
      <c r="BL45" s="51">
        <v>20732972</v>
      </c>
      <c r="BM45" s="51">
        <v>29479736</v>
      </c>
      <c r="BN45" s="50">
        <v>711888857</v>
      </c>
    </row>
    <row r="46" spans="1:66" ht="10" customHeight="1">
      <c r="A46" s="206"/>
      <c r="B46" s="16"/>
      <c r="C46" s="217" t="s">
        <v>162</v>
      </c>
      <c r="D46" s="209"/>
      <c r="E46" s="209"/>
      <c r="F46" s="210"/>
      <c r="G46" s="27"/>
      <c r="H46" s="27"/>
      <c r="I46" s="27"/>
      <c r="J46" s="27"/>
      <c r="K46" s="51">
        <v>306065</v>
      </c>
      <c r="L46" s="51">
        <v>36902</v>
      </c>
      <c r="M46" s="51">
        <v>994904</v>
      </c>
      <c r="N46" s="51">
        <v>111850</v>
      </c>
      <c r="O46" s="51">
        <v>8574</v>
      </c>
      <c r="P46" s="51">
        <v>137766</v>
      </c>
      <c r="Q46" s="51">
        <v>282512</v>
      </c>
      <c r="R46" s="51">
        <v>5443</v>
      </c>
      <c r="S46" s="51">
        <v>44395</v>
      </c>
      <c r="T46" s="51">
        <v>29093</v>
      </c>
      <c r="U46" s="51">
        <v>52575</v>
      </c>
      <c r="V46" s="51">
        <v>12397</v>
      </c>
      <c r="W46" s="51">
        <v>8719</v>
      </c>
      <c r="X46" s="51">
        <v>76610</v>
      </c>
      <c r="Y46" s="51">
        <v>755517</v>
      </c>
      <c r="Z46" s="51">
        <v>59590</v>
      </c>
      <c r="AA46" s="51">
        <v>48820</v>
      </c>
      <c r="AB46" s="51">
        <v>34865</v>
      </c>
      <c r="AC46" s="51">
        <v>10613379</v>
      </c>
      <c r="AD46" s="51">
        <v>51107</v>
      </c>
      <c r="AE46" s="51">
        <v>97919</v>
      </c>
      <c r="AF46" s="51">
        <v>82498</v>
      </c>
      <c r="AG46" s="51">
        <v>0</v>
      </c>
      <c r="AH46" s="51">
        <v>114725</v>
      </c>
      <c r="AI46" s="51">
        <v>20607237</v>
      </c>
      <c r="AJ46" s="51">
        <v>69780</v>
      </c>
      <c r="AK46" s="51">
        <v>23536</v>
      </c>
      <c r="AL46" s="51">
        <v>63087</v>
      </c>
      <c r="AM46" s="51">
        <v>5568</v>
      </c>
      <c r="AN46" s="51">
        <v>3922367</v>
      </c>
      <c r="AO46" s="51">
        <v>0</v>
      </c>
      <c r="AP46" s="51">
        <v>42781</v>
      </c>
      <c r="AQ46" s="51">
        <v>40486</v>
      </c>
      <c r="AR46" s="51">
        <v>29832</v>
      </c>
      <c r="AS46" s="51">
        <v>558197</v>
      </c>
      <c r="AT46" s="51">
        <v>0</v>
      </c>
      <c r="AU46" s="51">
        <v>18353</v>
      </c>
      <c r="AV46" s="51">
        <v>1217864</v>
      </c>
      <c r="AW46" s="51">
        <v>455559</v>
      </c>
      <c r="AX46" s="51">
        <v>32521</v>
      </c>
      <c r="AY46" s="51">
        <v>3005471</v>
      </c>
      <c r="AZ46" s="51">
        <v>729937</v>
      </c>
      <c r="BA46" s="51">
        <v>1750</v>
      </c>
      <c r="BB46" s="51">
        <v>1866139</v>
      </c>
      <c r="BC46" s="51">
        <v>1000</v>
      </c>
      <c r="BD46" s="51">
        <v>30686</v>
      </c>
      <c r="BE46" s="51">
        <v>265350</v>
      </c>
      <c r="BF46" s="51">
        <v>188624</v>
      </c>
      <c r="BG46" s="51">
        <v>24815</v>
      </c>
      <c r="BH46" s="51">
        <v>4819</v>
      </c>
      <c r="BI46" s="51">
        <v>30945</v>
      </c>
      <c r="BJ46" s="51">
        <v>41047</v>
      </c>
      <c r="BK46" s="51">
        <v>0</v>
      </c>
      <c r="BL46" s="51">
        <v>14</v>
      </c>
      <c r="BM46" s="51">
        <v>4628611</v>
      </c>
      <c r="BN46" s="50">
        <v>51872601</v>
      </c>
    </row>
    <row r="47" spans="1:66" ht="10" customHeight="1">
      <c r="A47" s="206"/>
      <c r="B47" s="16"/>
      <c r="C47" s="217" t="s">
        <v>163</v>
      </c>
      <c r="D47" s="209"/>
      <c r="E47" s="209"/>
      <c r="F47" s="210"/>
      <c r="G47" s="27"/>
      <c r="H47" s="27"/>
      <c r="I47" s="27"/>
      <c r="J47" s="27"/>
      <c r="K47" s="51">
        <v>0</v>
      </c>
      <c r="L47" s="51">
        <v>0</v>
      </c>
      <c r="M47" s="51">
        <v>0</v>
      </c>
      <c r="N47" s="51">
        <v>0</v>
      </c>
      <c r="O47" s="51">
        <v>0</v>
      </c>
      <c r="P47" s="51">
        <v>0</v>
      </c>
      <c r="Q47" s="51">
        <v>0</v>
      </c>
      <c r="R47" s="51">
        <v>0</v>
      </c>
      <c r="S47" s="51">
        <v>0</v>
      </c>
      <c r="T47" s="51">
        <v>0</v>
      </c>
      <c r="U47" s="51">
        <v>0</v>
      </c>
      <c r="V47" s="51">
        <v>0</v>
      </c>
      <c r="W47" s="51">
        <v>0</v>
      </c>
      <c r="X47" s="51">
        <v>0</v>
      </c>
      <c r="Y47" s="51">
        <v>0</v>
      </c>
      <c r="Z47" s="51">
        <v>0</v>
      </c>
      <c r="AA47" s="51">
        <v>0</v>
      </c>
      <c r="AB47" s="51">
        <v>0</v>
      </c>
      <c r="AC47" s="51">
        <v>0</v>
      </c>
      <c r="AD47" s="51">
        <v>0</v>
      </c>
      <c r="AE47" s="51">
        <v>0</v>
      </c>
      <c r="AF47" s="51">
        <v>0</v>
      </c>
      <c r="AG47" s="51">
        <v>0</v>
      </c>
      <c r="AH47" s="51">
        <v>0</v>
      </c>
      <c r="AI47" s="51">
        <v>0</v>
      </c>
      <c r="AJ47" s="51">
        <v>0</v>
      </c>
      <c r="AK47" s="51">
        <v>9078678</v>
      </c>
      <c r="AL47" s="51">
        <v>0</v>
      </c>
      <c r="AM47" s="51">
        <v>0</v>
      </c>
      <c r="AN47" s="51">
        <v>0</v>
      </c>
      <c r="AO47" s="51">
        <v>0</v>
      </c>
      <c r="AP47" s="51">
        <v>0</v>
      </c>
      <c r="AQ47" s="51">
        <v>0</v>
      </c>
      <c r="AR47" s="51">
        <v>0</v>
      </c>
      <c r="AS47" s="51">
        <v>0</v>
      </c>
      <c r="AT47" s="51">
        <v>0</v>
      </c>
      <c r="AU47" s="51">
        <v>0</v>
      </c>
      <c r="AV47" s="51">
        <v>0</v>
      </c>
      <c r="AW47" s="51">
        <v>0</v>
      </c>
      <c r="AX47" s="51">
        <v>0</v>
      </c>
      <c r="AY47" s="51">
        <v>0</v>
      </c>
      <c r="AZ47" s="51">
        <v>0</v>
      </c>
      <c r="BA47" s="51">
        <v>0</v>
      </c>
      <c r="BB47" s="51">
        <v>0</v>
      </c>
      <c r="BC47" s="51">
        <v>0</v>
      </c>
      <c r="BD47" s="51">
        <v>0</v>
      </c>
      <c r="BE47" s="51">
        <v>0</v>
      </c>
      <c r="BF47" s="51">
        <v>0</v>
      </c>
      <c r="BG47" s="51">
        <v>0</v>
      </c>
      <c r="BH47" s="51">
        <v>0</v>
      </c>
      <c r="BI47" s="51">
        <v>0</v>
      </c>
      <c r="BJ47" s="51">
        <v>0</v>
      </c>
      <c r="BK47" s="51">
        <v>0</v>
      </c>
      <c r="BL47" s="51">
        <v>0</v>
      </c>
      <c r="BM47" s="51">
        <v>0</v>
      </c>
      <c r="BN47" s="50">
        <v>9078678</v>
      </c>
    </row>
    <row r="48" spans="1:66" ht="10" customHeight="1">
      <c r="A48" s="206"/>
      <c r="B48" s="16"/>
      <c r="C48" s="217" t="s">
        <v>164</v>
      </c>
      <c r="D48" s="209"/>
      <c r="E48" s="209"/>
      <c r="F48" s="210"/>
      <c r="G48" s="27"/>
      <c r="H48" s="27"/>
      <c r="I48" s="27"/>
      <c r="J48" s="27"/>
      <c r="K48" s="51">
        <v>1519366</v>
      </c>
      <c r="L48" s="51">
        <v>1126749</v>
      </c>
      <c r="M48" s="51">
        <v>1247126</v>
      </c>
      <c r="N48" s="51">
        <v>1208335</v>
      </c>
      <c r="O48" s="51">
        <v>19823</v>
      </c>
      <c r="P48" s="51">
        <v>15156</v>
      </c>
      <c r="Q48" s="51">
        <v>930292</v>
      </c>
      <c r="R48" s="51">
        <v>2582479</v>
      </c>
      <c r="S48" s="51">
        <v>1177735</v>
      </c>
      <c r="T48" s="51">
        <v>64847</v>
      </c>
      <c r="U48" s="51">
        <v>3000</v>
      </c>
      <c r="V48" s="51">
        <v>1747703</v>
      </c>
      <c r="W48" s="51">
        <v>347100</v>
      </c>
      <c r="X48" s="51">
        <v>150000</v>
      </c>
      <c r="Y48" s="51">
        <v>7645019</v>
      </c>
      <c r="Z48" s="51">
        <v>221831</v>
      </c>
      <c r="AA48" s="51">
        <v>291158</v>
      </c>
      <c r="AB48" s="51">
        <v>1965000</v>
      </c>
      <c r="AC48" s="51">
        <v>0</v>
      </c>
      <c r="AD48" s="51">
        <v>1805269</v>
      </c>
      <c r="AE48" s="51">
        <v>136200</v>
      </c>
      <c r="AF48" s="51">
        <v>0</v>
      </c>
      <c r="AG48" s="51">
        <v>0</v>
      </c>
      <c r="AH48" s="51">
        <v>300000</v>
      </c>
      <c r="AI48" s="51">
        <v>0</v>
      </c>
      <c r="AJ48" s="51">
        <v>0</v>
      </c>
      <c r="AK48" s="51">
        <v>157530</v>
      </c>
      <c r="AL48" s="51">
        <v>0</v>
      </c>
      <c r="AM48" s="51">
        <v>241356</v>
      </c>
      <c r="AN48" s="51">
        <v>0</v>
      </c>
      <c r="AO48" s="51">
        <v>650756</v>
      </c>
      <c r="AP48" s="51">
        <v>0</v>
      </c>
      <c r="AQ48" s="51">
        <v>20298</v>
      </c>
      <c r="AR48" s="51">
        <v>113427</v>
      </c>
      <c r="AS48" s="51">
        <v>0</v>
      </c>
      <c r="AT48" s="51">
        <v>0</v>
      </c>
      <c r="AU48" s="51">
        <v>680929</v>
      </c>
      <c r="AV48" s="51">
        <v>0</v>
      </c>
      <c r="AW48" s="51">
        <v>0</v>
      </c>
      <c r="AX48" s="51">
        <v>0</v>
      </c>
      <c r="AY48" s="51">
        <v>0</v>
      </c>
      <c r="AZ48" s="51">
        <v>0</v>
      </c>
      <c r="BA48" s="51">
        <v>356544</v>
      </c>
      <c r="BB48" s="51">
        <v>0</v>
      </c>
      <c r="BC48" s="51">
        <v>583510</v>
      </c>
      <c r="BD48" s="51">
        <v>552060</v>
      </c>
      <c r="BE48" s="51">
        <v>197331</v>
      </c>
      <c r="BF48" s="51">
        <v>345630</v>
      </c>
      <c r="BG48" s="51">
        <v>601067</v>
      </c>
      <c r="BH48" s="51">
        <v>152900</v>
      </c>
      <c r="BI48" s="51">
        <v>6257</v>
      </c>
      <c r="BJ48" s="51">
        <v>1499500</v>
      </c>
      <c r="BK48" s="51">
        <v>160263</v>
      </c>
      <c r="BL48" s="51">
        <v>480785</v>
      </c>
      <c r="BM48" s="51">
        <v>12341548</v>
      </c>
      <c r="BN48" s="50">
        <v>43645879</v>
      </c>
    </row>
    <row r="49" spans="1:66" ht="10" customHeight="1">
      <c r="A49" s="206"/>
      <c r="B49" s="16"/>
      <c r="C49" s="217" t="s">
        <v>165</v>
      </c>
      <c r="D49" s="209"/>
      <c r="E49" s="209"/>
      <c r="F49" s="210"/>
      <c r="G49" s="27"/>
      <c r="H49" s="27"/>
      <c r="I49" s="27"/>
      <c r="J49" s="27"/>
      <c r="K49" s="51">
        <v>147009057</v>
      </c>
      <c r="L49" s="51">
        <v>23934547</v>
      </c>
      <c r="M49" s="51">
        <v>18020123</v>
      </c>
      <c r="N49" s="51">
        <v>46248920</v>
      </c>
      <c r="O49" s="51">
        <v>6675073</v>
      </c>
      <c r="P49" s="51">
        <v>35779184</v>
      </c>
      <c r="Q49" s="51">
        <v>8753600</v>
      </c>
      <c r="R49" s="51">
        <v>3955286</v>
      </c>
      <c r="S49" s="51">
        <v>6261178</v>
      </c>
      <c r="T49" s="51">
        <v>11139037</v>
      </c>
      <c r="U49" s="51">
        <v>11143506</v>
      </c>
      <c r="V49" s="51">
        <v>15621666</v>
      </c>
      <c r="W49" s="51">
        <v>2653041</v>
      </c>
      <c r="X49" s="51">
        <v>10570486</v>
      </c>
      <c r="Y49" s="51">
        <v>9356720</v>
      </c>
      <c r="Z49" s="51">
        <v>18079772</v>
      </c>
      <c r="AA49" s="51">
        <v>22907566</v>
      </c>
      <c r="AB49" s="51">
        <v>5409831</v>
      </c>
      <c r="AC49" s="51">
        <v>0</v>
      </c>
      <c r="AD49" s="51">
        <v>13411609</v>
      </c>
      <c r="AE49" s="51">
        <v>9013908</v>
      </c>
      <c r="AF49" s="51">
        <v>5624342</v>
      </c>
      <c r="AG49" s="51">
        <v>7323178</v>
      </c>
      <c r="AH49" s="51">
        <v>11603892</v>
      </c>
      <c r="AI49" s="51">
        <v>0</v>
      </c>
      <c r="AJ49" s="51">
        <v>7725154</v>
      </c>
      <c r="AK49" s="51">
        <v>0</v>
      </c>
      <c r="AL49" s="51">
        <v>9654870</v>
      </c>
      <c r="AM49" s="51">
        <v>3761498</v>
      </c>
      <c r="AN49" s="51">
        <v>0</v>
      </c>
      <c r="AO49" s="51">
        <v>4706065</v>
      </c>
      <c r="AP49" s="51">
        <v>6800822</v>
      </c>
      <c r="AQ49" s="51">
        <v>5071211</v>
      </c>
      <c r="AR49" s="51">
        <v>3626833</v>
      </c>
      <c r="AS49" s="51">
        <v>5959133</v>
      </c>
      <c r="AT49" s="51">
        <v>2524452</v>
      </c>
      <c r="AU49" s="51">
        <v>3828925</v>
      </c>
      <c r="AV49" s="51">
        <v>0</v>
      </c>
      <c r="AW49" s="51">
        <v>0</v>
      </c>
      <c r="AX49" s="51">
        <v>4049139</v>
      </c>
      <c r="AY49" s="51">
        <v>0</v>
      </c>
      <c r="AZ49" s="51">
        <v>0</v>
      </c>
      <c r="BA49" s="51">
        <v>2748721</v>
      </c>
      <c r="BB49" s="51">
        <v>21674</v>
      </c>
      <c r="BC49" s="51">
        <v>799227</v>
      </c>
      <c r="BD49" s="51">
        <v>632876</v>
      </c>
      <c r="BE49" s="51">
        <v>437407</v>
      </c>
      <c r="BF49" s="51">
        <v>1363272</v>
      </c>
      <c r="BG49" s="51">
        <v>3929628</v>
      </c>
      <c r="BH49" s="51">
        <v>3326015</v>
      </c>
      <c r="BI49" s="51">
        <v>4227702</v>
      </c>
      <c r="BJ49" s="51">
        <v>32722524</v>
      </c>
      <c r="BK49" s="51">
        <v>16117279</v>
      </c>
      <c r="BL49" s="51">
        <v>20252173</v>
      </c>
      <c r="BM49" s="51">
        <v>12509577</v>
      </c>
      <c r="BN49" s="50">
        <v>607291699</v>
      </c>
    </row>
    <row r="50" spans="1:66" ht="10" customHeight="1">
      <c r="A50" s="206"/>
      <c r="B50" s="222" t="s">
        <v>166</v>
      </c>
      <c r="C50" s="219"/>
      <c r="D50" s="219"/>
      <c r="E50" s="219"/>
      <c r="F50" s="220"/>
      <c r="G50" s="27"/>
      <c r="H50" s="27"/>
      <c r="I50" s="27"/>
      <c r="J50" s="27"/>
      <c r="K50" s="51">
        <v>11830462</v>
      </c>
      <c r="L50" s="51">
        <v>6955704</v>
      </c>
      <c r="M50" s="51">
        <v>3807987</v>
      </c>
      <c r="N50" s="51">
        <v>3964953</v>
      </c>
      <c r="O50" s="51">
        <v>1801757</v>
      </c>
      <c r="P50" s="51">
        <v>2787545</v>
      </c>
      <c r="Q50" s="51">
        <v>1468278</v>
      </c>
      <c r="R50" s="51">
        <v>3302822</v>
      </c>
      <c r="S50" s="51">
        <v>1206412</v>
      </c>
      <c r="T50" s="51">
        <v>677163</v>
      </c>
      <c r="U50" s="51">
        <v>1568285</v>
      </c>
      <c r="V50" s="51">
        <v>1285504</v>
      </c>
      <c r="W50" s="51">
        <v>2076869</v>
      </c>
      <c r="X50" s="51">
        <v>335904</v>
      </c>
      <c r="Y50" s="51">
        <v>1374983</v>
      </c>
      <c r="Z50" s="51">
        <v>3359681</v>
      </c>
      <c r="AA50" s="51">
        <v>2741091</v>
      </c>
      <c r="AB50" s="51">
        <v>1137089</v>
      </c>
      <c r="AC50" s="51">
        <v>2783100</v>
      </c>
      <c r="AD50" s="51">
        <v>1686721</v>
      </c>
      <c r="AE50" s="51">
        <v>2416698</v>
      </c>
      <c r="AF50" s="51">
        <v>796938</v>
      </c>
      <c r="AG50" s="51">
        <v>204197</v>
      </c>
      <c r="AH50" s="51">
        <v>668999</v>
      </c>
      <c r="AI50" s="51">
        <v>3389958</v>
      </c>
      <c r="AJ50" s="51">
        <v>2561105</v>
      </c>
      <c r="AK50" s="51">
        <v>483688</v>
      </c>
      <c r="AL50" s="51">
        <v>1161520</v>
      </c>
      <c r="AM50" s="51">
        <v>1616907</v>
      </c>
      <c r="AN50" s="51">
        <v>1551316</v>
      </c>
      <c r="AO50" s="51">
        <v>1069677</v>
      </c>
      <c r="AP50" s="51">
        <v>1104909</v>
      </c>
      <c r="AQ50" s="51">
        <v>2325938</v>
      </c>
      <c r="AR50" s="51">
        <v>875619</v>
      </c>
      <c r="AS50" s="51">
        <v>257521</v>
      </c>
      <c r="AT50" s="51">
        <v>427550</v>
      </c>
      <c r="AU50" s="51">
        <v>451994</v>
      </c>
      <c r="AV50" s="51">
        <v>441040</v>
      </c>
      <c r="AW50" s="51">
        <v>2557134</v>
      </c>
      <c r="AX50" s="51">
        <v>474461</v>
      </c>
      <c r="AY50" s="51">
        <v>906492</v>
      </c>
      <c r="AZ50" s="51">
        <v>1572315</v>
      </c>
      <c r="BA50" s="51">
        <v>613712</v>
      </c>
      <c r="BB50" s="51">
        <v>559567</v>
      </c>
      <c r="BC50" s="51">
        <v>506891</v>
      </c>
      <c r="BD50" s="51">
        <v>801088</v>
      </c>
      <c r="BE50" s="51">
        <v>791250</v>
      </c>
      <c r="BF50" s="51">
        <v>602844</v>
      </c>
      <c r="BG50" s="51">
        <v>594461</v>
      </c>
      <c r="BH50" s="51">
        <v>332169</v>
      </c>
      <c r="BI50" s="51">
        <v>541239</v>
      </c>
      <c r="BJ50" s="51">
        <v>4354062</v>
      </c>
      <c r="BK50" s="51">
        <v>473380</v>
      </c>
      <c r="BL50" s="51">
        <v>808190</v>
      </c>
      <c r="BM50" s="51">
        <v>1336364</v>
      </c>
      <c r="BN50" s="50">
        <v>95783503</v>
      </c>
    </row>
    <row r="51" spans="1:66" ht="10" customHeight="1">
      <c r="A51" s="206"/>
      <c r="B51" s="16"/>
      <c r="C51" s="222" t="s">
        <v>167</v>
      </c>
      <c r="D51" s="219"/>
      <c r="E51" s="219"/>
      <c r="F51" s="220"/>
      <c r="G51" s="27"/>
      <c r="H51" s="27"/>
      <c r="I51" s="27"/>
      <c r="J51" s="27"/>
      <c r="K51" s="51">
        <v>2321890</v>
      </c>
      <c r="L51" s="51">
        <v>4066929</v>
      </c>
      <c r="M51" s="51">
        <v>286715</v>
      </c>
      <c r="N51" s="51">
        <v>4293</v>
      </c>
      <c r="O51" s="51">
        <v>143453</v>
      </c>
      <c r="P51" s="51">
        <v>2058815</v>
      </c>
      <c r="Q51" s="51">
        <v>1382884</v>
      </c>
      <c r="R51" s="51">
        <v>88653</v>
      </c>
      <c r="S51" s="51">
        <v>362319</v>
      </c>
      <c r="T51" s="51">
        <v>0</v>
      </c>
      <c r="U51" s="51">
        <v>0</v>
      </c>
      <c r="V51" s="51">
        <v>0</v>
      </c>
      <c r="W51" s="51">
        <v>466181</v>
      </c>
      <c r="X51" s="51">
        <v>0</v>
      </c>
      <c r="Y51" s="51">
        <v>38392</v>
      </c>
      <c r="Z51" s="51">
        <v>1049983</v>
      </c>
      <c r="AA51" s="51">
        <v>1468952</v>
      </c>
      <c r="AB51" s="51">
        <v>0</v>
      </c>
      <c r="AC51" s="51">
        <v>601240</v>
      </c>
      <c r="AD51" s="51">
        <v>1257262</v>
      </c>
      <c r="AE51" s="51">
        <v>333955</v>
      </c>
      <c r="AF51" s="51">
        <v>0</v>
      </c>
      <c r="AG51" s="51">
        <v>0</v>
      </c>
      <c r="AH51" s="51">
        <v>6679</v>
      </c>
      <c r="AI51" s="51">
        <v>688430</v>
      </c>
      <c r="AJ51" s="51">
        <v>423826</v>
      </c>
      <c r="AK51" s="51">
        <v>0</v>
      </c>
      <c r="AL51" s="51">
        <v>266929</v>
      </c>
      <c r="AM51" s="51">
        <v>0</v>
      </c>
      <c r="AN51" s="51">
        <v>0</v>
      </c>
      <c r="AO51" s="51">
        <v>833311</v>
      </c>
      <c r="AP51" s="51">
        <v>900758</v>
      </c>
      <c r="AQ51" s="51">
        <v>982244</v>
      </c>
      <c r="AR51" s="51">
        <v>0</v>
      </c>
      <c r="AS51" s="51">
        <v>0</v>
      </c>
      <c r="AT51" s="51">
        <v>0</v>
      </c>
      <c r="AU51" s="51">
        <v>77374</v>
      </c>
      <c r="AV51" s="51">
        <v>39963</v>
      </c>
      <c r="AW51" s="51">
        <v>1593050</v>
      </c>
      <c r="AX51" s="51">
        <v>233760</v>
      </c>
      <c r="AY51" s="51">
        <v>184207</v>
      </c>
      <c r="AZ51" s="51">
        <v>284914</v>
      </c>
      <c r="BA51" s="51">
        <v>3546</v>
      </c>
      <c r="BB51" s="51">
        <v>504542</v>
      </c>
      <c r="BC51" s="51">
        <v>74661</v>
      </c>
      <c r="BD51" s="51">
        <v>28679</v>
      </c>
      <c r="BE51" s="51">
        <v>1698</v>
      </c>
      <c r="BF51" s="51">
        <v>44971</v>
      </c>
      <c r="BG51" s="51">
        <v>7270</v>
      </c>
      <c r="BH51" s="51">
        <v>39815</v>
      </c>
      <c r="BI51" s="51">
        <v>10342</v>
      </c>
      <c r="BJ51" s="51">
        <v>1751427</v>
      </c>
      <c r="BK51" s="51">
        <v>73412</v>
      </c>
      <c r="BL51" s="51">
        <v>463343</v>
      </c>
      <c r="BM51" s="51">
        <v>127150</v>
      </c>
      <c r="BN51" s="50">
        <v>25578217</v>
      </c>
    </row>
    <row r="52" spans="1:66" ht="10" customHeight="1">
      <c r="A52" s="206"/>
      <c r="B52" s="16"/>
      <c r="C52" s="16"/>
      <c r="D52" s="217" t="s">
        <v>101</v>
      </c>
      <c r="E52" s="209"/>
      <c r="F52" s="210"/>
      <c r="G52" s="27"/>
      <c r="H52" s="27"/>
      <c r="I52" s="27"/>
      <c r="J52" s="27"/>
      <c r="K52" s="51">
        <v>84947</v>
      </c>
      <c r="L52" s="51">
        <v>0</v>
      </c>
      <c r="M52" s="51">
        <v>0</v>
      </c>
      <c r="N52" s="51">
        <v>0</v>
      </c>
      <c r="O52" s="51">
        <v>113540</v>
      </c>
      <c r="P52" s="51">
        <v>0</v>
      </c>
      <c r="Q52" s="51">
        <v>0</v>
      </c>
      <c r="R52" s="51">
        <v>0</v>
      </c>
      <c r="S52" s="51">
        <v>53171</v>
      </c>
      <c r="T52" s="51">
        <v>0</v>
      </c>
      <c r="U52" s="51">
        <v>0</v>
      </c>
      <c r="V52" s="51">
        <v>0</v>
      </c>
      <c r="W52" s="51">
        <v>11588</v>
      </c>
      <c r="X52" s="51">
        <v>0</v>
      </c>
      <c r="Y52" s="51">
        <v>14150</v>
      </c>
      <c r="Z52" s="51">
        <v>2000</v>
      </c>
      <c r="AA52" s="51">
        <v>0</v>
      </c>
      <c r="AB52" s="51">
        <v>0</v>
      </c>
      <c r="AC52" s="51">
        <v>0</v>
      </c>
      <c r="AD52" s="51">
        <v>22521</v>
      </c>
      <c r="AE52" s="51">
        <v>4664</v>
      </c>
      <c r="AF52" s="51">
        <v>0</v>
      </c>
      <c r="AG52" s="51">
        <v>0</v>
      </c>
      <c r="AH52" s="51">
        <v>0</v>
      </c>
      <c r="AI52" s="51">
        <v>14235</v>
      </c>
      <c r="AJ52" s="51">
        <v>0</v>
      </c>
      <c r="AK52" s="51">
        <v>0</v>
      </c>
      <c r="AL52" s="51">
        <v>0</v>
      </c>
      <c r="AM52" s="51">
        <v>0</v>
      </c>
      <c r="AN52" s="51">
        <v>0</v>
      </c>
      <c r="AO52" s="51">
        <v>0</v>
      </c>
      <c r="AP52" s="51">
        <v>0</v>
      </c>
      <c r="AQ52" s="51">
        <v>0</v>
      </c>
      <c r="AR52" s="51">
        <v>0</v>
      </c>
      <c r="AS52" s="51">
        <v>0</v>
      </c>
      <c r="AT52" s="51">
        <v>0</v>
      </c>
      <c r="AU52" s="51">
        <v>0</v>
      </c>
      <c r="AV52" s="51">
        <v>34760</v>
      </c>
      <c r="AW52" s="51">
        <v>0</v>
      </c>
      <c r="AX52" s="51">
        <v>0</v>
      </c>
      <c r="AY52" s="51">
        <v>235</v>
      </c>
      <c r="AZ52" s="51">
        <v>0</v>
      </c>
      <c r="BA52" s="51">
        <v>0</v>
      </c>
      <c r="BB52" s="51">
        <v>0</v>
      </c>
      <c r="BC52" s="51">
        <v>21131</v>
      </c>
      <c r="BD52" s="51">
        <v>0</v>
      </c>
      <c r="BE52" s="51">
        <v>0</v>
      </c>
      <c r="BF52" s="51">
        <v>26985</v>
      </c>
      <c r="BG52" s="51">
        <v>0</v>
      </c>
      <c r="BH52" s="51">
        <v>0</v>
      </c>
      <c r="BI52" s="51">
        <v>0</v>
      </c>
      <c r="BJ52" s="51">
        <v>21943</v>
      </c>
      <c r="BK52" s="51">
        <v>0</v>
      </c>
      <c r="BL52" s="51">
        <v>26101</v>
      </c>
      <c r="BM52" s="51">
        <v>19628</v>
      </c>
      <c r="BN52" s="50">
        <v>471599</v>
      </c>
    </row>
    <row r="53" spans="1:66" ht="10" customHeight="1">
      <c r="A53" s="206"/>
      <c r="B53" s="16"/>
      <c r="C53" s="16"/>
      <c r="D53" s="217" t="s">
        <v>168</v>
      </c>
      <c r="E53" s="209"/>
      <c r="F53" s="210"/>
      <c r="G53" s="27"/>
      <c r="H53" s="27"/>
      <c r="I53" s="27"/>
      <c r="J53" s="27"/>
      <c r="K53" s="51">
        <v>2625</v>
      </c>
      <c r="L53" s="51">
        <v>0</v>
      </c>
      <c r="M53" s="51">
        <v>0</v>
      </c>
      <c r="N53" s="51">
        <v>0</v>
      </c>
      <c r="O53" s="51">
        <v>1630</v>
      </c>
      <c r="P53" s="51">
        <v>0</v>
      </c>
      <c r="Q53" s="51">
        <v>53303</v>
      </c>
      <c r="R53" s="51">
        <v>0</v>
      </c>
      <c r="S53" s="51">
        <v>0</v>
      </c>
      <c r="T53" s="51">
        <v>0</v>
      </c>
      <c r="U53" s="51">
        <v>0</v>
      </c>
      <c r="V53" s="51">
        <v>0</v>
      </c>
      <c r="W53" s="51">
        <v>0</v>
      </c>
      <c r="X53" s="51">
        <v>0</v>
      </c>
      <c r="Y53" s="51">
        <v>4329</v>
      </c>
      <c r="Z53" s="51">
        <v>0</v>
      </c>
      <c r="AA53" s="51">
        <v>0</v>
      </c>
      <c r="AB53" s="51">
        <v>0</v>
      </c>
      <c r="AC53" s="51">
        <v>0</v>
      </c>
      <c r="AD53" s="51">
        <v>0</v>
      </c>
      <c r="AE53" s="51">
        <v>0</v>
      </c>
      <c r="AF53" s="51">
        <v>0</v>
      </c>
      <c r="AG53" s="51">
        <v>0</v>
      </c>
      <c r="AH53" s="51">
        <v>0</v>
      </c>
      <c r="AI53" s="51">
        <v>0</v>
      </c>
      <c r="AJ53" s="51">
        <v>0</v>
      </c>
      <c r="AK53" s="51">
        <v>0</v>
      </c>
      <c r="AL53" s="51">
        <v>0</v>
      </c>
      <c r="AM53" s="51">
        <v>0</v>
      </c>
      <c r="AN53" s="51">
        <v>0</v>
      </c>
      <c r="AO53" s="51">
        <v>0</v>
      </c>
      <c r="AP53" s="51">
        <v>0</v>
      </c>
      <c r="AQ53" s="51">
        <v>0</v>
      </c>
      <c r="AR53" s="51">
        <v>0</v>
      </c>
      <c r="AS53" s="51">
        <v>0</v>
      </c>
      <c r="AT53" s="51">
        <v>0</v>
      </c>
      <c r="AU53" s="51">
        <v>0</v>
      </c>
      <c r="AV53" s="51">
        <v>0</v>
      </c>
      <c r="AW53" s="51">
        <v>0</v>
      </c>
      <c r="AX53" s="51">
        <v>0</v>
      </c>
      <c r="AY53" s="51">
        <v>0</v>
      </c>
      <c r="AZ53" s="51">
        <v>0</v>
      </c>
      <c r="BA53" s="51">
        <v>0</v>
      </c>
      <c r="BB53" s="51">
        <v>0</v>
      </c>
      <c r="BC53" s="51">
        <v>0</v>
      </c>
      <c r="BD53" s="51">
        <v>0</v>
      </c>
      <c r="BE53" s="51">
        <v>0</v>
      </c>
      <c r="BF53" s="51">
        <v>10775</v>
      </c>
      <c r="BG53" s="51">
        <v>0</v>
      </c>
      <c r="BH53" s="51">
        <v>0</v>
      </c>
      <c r="BI53" s="51">
        <v>0</v>
      </c>
      <c r="BJ53" s="51">
        <v>0</v>
      </c>
      <c r="BK53" s="51">
        <v>0</v>
      </c>
      <c r="BL53" s="51">
        <v>0</v>
      </c>
      <c r="BM53" s="51">
        <v>19186</v>
      </c>
      <c r="BN53" s="50">
        <v>91848</v>
      </c>
    </row>
    <row r="54" spans="1:66" ht="10" customHeight="1">
      <c r="A54" s="206"/>
      <c r="B54" s="16"/>
      <c r="C54" s="16"/>
      <c r="D54" s="217" t="s">
        <v>169</v>
      </c>
      <c r="E54" s="209"/>
      <c r="F54" s="210"/>
      <c r="G54" s="27"/>
      <c r="H54" s="27"/>
      <c r="I54" s="27"/>
      <c r="J54" s="27"/>
      <c r="K54" s="51">
        <v>1545491</v>
      </c>
      <c r="L54" s="51">
        <v>2459419</v>
      </c>
      <c r="M54" s="51">
        <v>165693</v>
      </c>
      <c r="N54" s="51">
        <v>0</v>
      </c>
      <c r="O54" s="51">
        <v>5345</v>
      </c>
      <c r="P54" s="51">
        <v>1509439</v>
      </c>
      <c r="Q54" s="51">
        <v>511101</v>
      </c>
      <c r="R54" s="51">
        <v>88653</v>
      </c>
      <c r="S54" s="51">
        <v>172917</v>
      </c>
      <c r="T54" s="51">
        <v>0</v>
      </c>
      <c r="U54" s="51">
        <v>0</v>
      </c>
      <c r="V54" s="51">
        <v>0</v>
      </c>
      <c r="W54" s="51">
        <v>389018</v>
      </c>
      <c r="X54" s="51">
        <v>0</v>
      </c>
      <c r="Y54" s="51">
        <v>0</v>
      </c>
      <c r="Z54" s="51">
        <v>289658</v>
      </c>
      <c r="AA54" s="51">
        <v>958880</v>
      </c>
      <c r="AB54" s="51">
        <v>0</v>
      </c>
      <c r="AC54" s="51">
        <v>601040</v>
      </c>
      <c r="AD54" s="51">
        <v>71832</v>
      </c>
      <c r="AE54" s="51">
        <v>86428</v>
      </c>
      <c r="AF54" s="51">
        <v>0</v>
      </c>
      <c r="AG54" s="51">
        <v>0</v>
      </c>
      <c r="AH54" s="51">
        <v>0</v>
      </c>
      <c r="AI54" s="51">
        <v>425542</v>
      </c>
      <c r="AJ54" s="51">
        <v>10155</v>
      </c>
      <c r="AK54" s="51">
        <v>0</v>
      </c>
      <c r="AL54" s="51">
        <v>0</v>
      </c>
      <c r="AM54" s="51">
        <v>0</v>
      </c>
      <c r="AN54" s="51">
        <v>0</v>
      </c>
      <c r="AO54" s="51">
        <v>0</v>
      </c>
      <c r="AP54" s="51">
        <v>396702</v>
      </c>
      <c r="AQ54" s="51">
        <v>106278</v>
      </c>
      <c r="AR54" s="51">
        <v>0</v>
      </c>
      <c r="AS54" s="51">
        <v>0</v>
      </c>
      <c r="AT54" s="51">
        <v>0</v>
      </c>
      <c r="AU54" s="51">
        <v>0</v>
      </c>
      <c r="AV54" s="51">
        <v>5203</v>
      </c>
      <c r="AW54" s="51">
        <v>1593050</v>
      </c>
      <c r="AX54" s="51">
        <v>183557</v>
      </c>
      <c r="AY54" s="51">
        <v>53350</v>
      </c>
      <c r="AZ54" s="51">
        <v>282934</v>
      </c>
      <c r="BA54" s="51">
        <v>3546</v>
      </c>
      <c r="BB54" s="51">
        <v>129887</v>
      </c>
      <c r="BC54" s="51">
        <v>0</v>
      </c>
      <c r="BD54" s="51">
        <v>12737</v>
      </c>
      <c r="BE54" s="51">
        <v>1698</v>
      </c>
      <c r="BF54" s="51">
        <v>0</v>
      </c>
      <c r="BG54" s="51">
        <v>0</v>
      </c>
      <c r="BH54" s="51">
        <v>0</v>
      </c>
      <c r="BI54" s="51">
        <v>2189</v>
      </c>
      <c r="BJ54" s="51">
        <v>961901</v>
      </c>
      <c r="BK54" s="51">
        <v>0</v>
      </c>
      <c r="BL54" s="51">
        <v>369256</v>
      </c>
      <c r="BM54" s="51">
        <v>3554</v>
      </c>
      <c r="BN54" s="50">
        <v>13396453</v>
      </c>
    </row>
    <row r="55" spans="1:66" ht="10" customHeight="1">
      <c r="A55" s="206"/>
      <c r="B55" s="16"/>
      <c r="C55" s="16"/>
      <c r="D55" s="217" t="s">
        <v>170</v>
      </c>
      <c r="E55" s="209"/>
      <c r="F55" s="210"/>
      <c r="G55" s="27"/>
      <c r="H55" s="27"/>
      <c r="I55" s="27"/>
      <c r="J55" s="27"/>
      <c r="K55" s="51">
        <v>0</v>
      </c>
      <c r="L55" s="51">
        <v>0</v>
      </c>
      <c r="M55" s="51">
        <v>0</v>
      </c>
      <c r="N55" s="51">
        <v>0</v>
      </c>
      <c r="O55" s="51">
        <v>0</v>
      </c>
      <c r="P55" s="51">
        <v>0</v>
      </c>
      <c r="Q55" s="51">
        <v>0</v>
      </c>
      <c r="R55" s="51">
        <v>0</v>
      </c>
      <c r="S55" s="51">
        <v>0</v>
      </c>
      <c r="T55" s="51">
        <v>0</v>
      </c>
      <c r="U55" s="51">
        <v>0</v>
      </c>
      <c r="V55" s="51">
        <v>0</v>
      </c>
      <c r="W55" s="51">
        <v>0</v>
      </c>
      <c r="X55" s="51">
        <v>0</v>
      </c>
      <c r="Y55" s="51">
        <v>0</v>
      </c>
      <c r="Z55" s="51">
        <v>0</v>
      </c>
      <c r="AA55" s="51">
        <v>0</v>
      </c>
      <c r="AB55" s="51">
        <v>0</v>
      </c>
      <c r="AC55" s="51">
        <v>0</v>
      </c>
      <c r="AD55" s="51">
        <v>0</v>
      </c>
      <c r="AE55" s="51">
        <v>0</v>
      </c>
      <c r="AF55" s="51">
        <v>0</v>
      </c>
      <c r="AG55" s="51">
        <v>0</v>
      </c>
      <c r="AH55" s="51">
        <v>0</v>
      </c>
      <c r="AI55" s="51">
        <v>0</v>
      </c>
      <c r="AJ55" s="51">
        <v>0</v>
      </c>
      <c r="AK55" s="51">
        <v>0</v>
      </c>
      <c r="AL55" s="51">
        <v>0</v>
      </c>
      <c r="AM55" s="51">
        <v>0</v>
      </c>
      <c r="AN55" s="51">
        <v>0</v>
      </c>
      <c r="AO55" s="51">
        <v>0</v>
      </c>
      <c r="AP55" s="51">
        <v>0</v>
      </c>
      <c r="AQ55" s="51">
        <v>0</v>
      </c>
      <c r="AR55" s="51">
        <v>0</v>
      </c>
      <c r="AS55" s="51">
        <v>0</v>
      </c>
      <c r="AT55" s="51">
        <v>0</v>
      </c>
      <c r="AU55" s="51">
        <v>0</v>
      </c>
      <c r="AV55" s="51">
        <v>0</v>
      </c>
      <c r="AW55" s="51">
        <v>0</v>
      </c>
      <c r="AX55" s="51">
        <v>0</v>
      </c>
      <c r="AY55" s="51">
        <v>0</v>
      </c>
      <c r="AZ55" s="51">
        <v>0</v>
      </c>
      <c r="BA55" s="51">
        <v>0</v>
      </c>
      <c r="BB55" s="51">
        <v>0</v>
      </c>
      <c r="BC55" s="51">
        <v>0</v>
      </c>
      <c r="BD55" s="51">
        <v>0</v>
      </c>
      <c r="BE55" s="51">
        <v>0</v>
      </c>
      <c r="BF55" s="51">
        <v>0</v>
      </c>
      <c r="BG55" s="51">
        <v>0</v>
      </c>
      <c r="BH55" s="51">
        <v>0</v>
      </c>
      <c r="BI55" s="51">
        <v>0</v>
      </c>
      <c r="BJ55" s="51">
        <v>0</v>
      </c>
      <c r="BK55" s="51">
        <v>0</v>
      </c>
      <c r="BL55" s="51">
        <v>0</v>
      </c>
      <c r="BM55" s="51">
        <v>0</v>
      </c>
      <c r="BN55" s="50">
        <v>0</v>
      </c>
    </row>
    <row r="56" spans="1:66" ht="10" customHeight="1">
      <c r="A56" s="206"/>
      <c r="B56" s="16"/>
      <c r="C56" s="17"/>
      <c r="D56" s="217" t="s">
        <v>98</v>
      </c>
      <c r="E56" s="209"/>
      <c r="F56" s="210"/>
      <c r="G56" s="27"/>
      <c r="H56" s="27"/>
      <c r="I56" s="27"/>
      <c r="J56" s="27"/>
      <c r="K56" s="51">
        <v>688827</v>
      </c>
      <c r="L56" s="51">
        <v>1607510</v>
      </c>
      <c r="M56" s="51">
        <v>121022</v>
      </c>
      <c r="N56" s="51">
        <v>4293</v>
      </c>
      <c r="O56" s="51">
        <v>22938</v>
      </c>
      <c r="P56" s="51">
        <v>549376</v>
      </c>
      <c r="Q56" s="51">
        <v>818480</v>
      </c>
      <c r="R56" s="51">
        <v>0</v>
      </c>
      <c r="S56" s="51">
        <v>136231</v>
      </c>
      <c r="T56" s="51">
        <v>0</v>
      </c>
      <c r="U56" s="51">
        <v>0</v>
      </c>
      <c r="V56" s="51">
        <v>0</v>
      </c>
      <c r="W56" s="51">
        <v>65575</v>
      </c>
      <c r="X56" s="51">
        <v>0</v>
      </c>
      <c r="Y56" s="51">
        <v>19913</v>
      </c>
      <c r="Z56" s="51">
        <v>758325</v>
      </c>
      <c r="AA56" s="51">
        <v>510072</v>
      </c>
      <c r="AB56" s="51">
        <v>0</v>
      </c>
      <c r="AC56" s="51">
        <v>200</v>
      </c>
      <c r="AD56" s="51">
        <v>1162909</v>
      </c>
      <c r="AE56" s="51">
        <v>242863</v>
      </c>
      <c r="AF56" s="51">
        <v>0</v>
      </c>
      <c r="AG56" s="51">
        <v>0</v>
      </c>
      <c r="AH56" s="51">
        <v>6679</v>
      </c>
      <c r="AI56" s="51">
        <v>248653</v>
      </c>
      <c r="AJ56" s="51">
        <v>413671</v>
      </c>
      <c r="AK56" s="51">
        <v>0</v>
      </c>
      <c r="AL56" s="51">
        <v>266929</v>
      </c>
      <c r="AM56" s="51">
        <v>0</v>
      </c>
      <c r="AN56" s="51">
        <v>0</v>
      </c>
      <c r="AO56" s="51">
        <v>833311</v>
      </c>
      <c r="AP56" s="51">
        <v>504056</v>
      </c>
      <c r="AQ56" s="51">
        <v>875966</v>
      </c>
      <c r="AR56" s="51">
        <v>0</v>
      </c>
      <c r="AS56" s="51">
        <v>0</v>
      </c>
      <c r="AT56" s="51">
        <v>0</v>
      </c>
      <c r="AU56" s="51">
        <v>77374</v>
      </c>
      <c r="AV56" s="51">
        <v>0</v>
      </c>
      <c r="AW56" s="51">
        <v>0</v>
      </c>
      <c r="AX56" s="51">
        <v>50203</v>
      </c>
      <c r="AY56" s="51">
        <v>130622</v>
      </c>
      <c r="AZ56" s="51">
        <v>1980</v>
      </c>
      <c r="BA56" s="51">
        <v>0</v>
      </c>
      <c r="BB56" s="51">
        <v>374655</v>
      </c>
      <c r="BC56" s="51">
        <v>53530</v>
      </c>
      <c r="BD56" s="51">
        <v>15942</v>
      </c>
      <c r="BE56" s="51">
        <v>0</v>
      </c>
      <c r="BF56" s="51">
        <v>7211</v>
      </c>
      <c r="BG56" s="51">
        <v>7270</v>
      </c>
      <c r="BH56" s="51">
        <v>39815</v>
      </c>
      <c r="BI56" s="51">
        <v>8153</v>
      </c>
      <c r="BJ56" s="51">
        <v>767583</v>
      </c>
      <c r="BK56" s="51">
        <v>73412</v>
      </c>
      <c r="BL56" s="51">
        <v>67986</v>
      </c>
      <c r="BM56" s="51">
        <v>84782</v>
      </c>
      <c r="BN56" s="50">
        <v>11618317</v>
      </c>
    </row>
    <row r="57" spans="1:66" ht="10" customHeight="1">
      <c r="A57" s="206"/>
      <c r="B57" s="16"/>
      <c r="C57" s="222" t="s">
        <v>171</v>
      </c>
      <c r="D57" s="219"/>
      <c r="E57" s="219"/>
      <c r="F57" s="220"/>
      <c r="G57" s="27"/>
      <c r="H57" s="27"/>
      <c r="I57" s="27"/>
      <c r="J57" s="27"/>
      <c r="K57" s="51">
        <v>9508572</v>
      </c>
      <c r="L57" s="51">
        <v>2888775</v>
      </c>
      <c r="M57" s="51">
        <v>3521272</v>
      </c>
      <c r="N57" s="51">
        <v>3960660</v>
      </c>
      <c r="O57" s="51">
        <v>1658304</v>
      </c>
      <c r="P57" s="51">
        <v>728730</v>
      </c>
      <c r="Q57" s="51">
        <v>85394</v>
      </c>
      <c r="R57" s="51">
        <v>3214169</v>
      </c>
      <c r="S57" s="51">
        <v>844093</v>
      </c>
      <c r="T57" s="51">
        <v>677163</v>
      </c>
      <c r="U57" s="51">
        <v>1568285</v>
      </c>
      <c r="V57" s="51">
        <v>1285504</v>
      </c>
      <c r="W57" s="51">
        <v>1610688</v>
      </c>
      <c r="X57" s="51">
        <v>335904</v>
      </c>
      <c r="Y57" s="51">
        <v>1336591</v>
      </c>
      <c r="Z57" s="51">
        <v>2309698</v>
      </c>
      <c r="AA57" s="51">
        <v>1272139</v>
      </c>
      <c r="AB57" s="51">
        <v>1137089</v>
      </c>
      <c r="AC57" s="51">
        <v>2181860</v>
      </c>
      <c r="AD57" s="51">
        <v>429459</v>
      </c>
      <c r="AE57" s="51">
        <v>2082743</v>
      </c>
      <c r="AF57" s="51">
        <v>796938</v>
      </c>
      <c r="AG57" s="51">
        <v>204197</v>
      </c>
      <c r="AH57" s="51">
        <v>662320</v>
      </c>
      <c r="AI57" s="51">
        <v>2701528</v>
      </c>
      <c r="AJ57" s="51">
        <v>2137279</v>
      </c>
      <c r="AK57" s="51">
        <v>483688</v>
      </c>
      <c r="AL57" s="51">
        <v>894591</v>
      </c>
      <c r="AM57" s="51">
        <v>1616907</v>
      </c>
      <c r="AN57" s="51">
        <v>1551316</v>
      </c>
      <c r="AO57" s="51">
        <v>236366</v>
      </c>
      <c r="AP57" s="51">
        <v>204151</v>
      </c>
      <c r="AQ57" s="51">
        <v>1343694</v>
      </c>
      <c r="AR57" s="51">
        <v>875619</v>
      </c>
      <c r="AS57" s="51">
        <v>257521</v>
      </c>
      <c r="AT57" s="51">
        <v>427550</v>
      </c>
      <c r="AU57" s="51">
        <v>374620</v>
      </c>
      <c r="AV57" s="51">
        <v>401077</v>
      </c>
      <c r="AW57" s="51">
        <v>964084</v>
      </c>
      <c r="AX57" s="51">
        <v>240701</v>
      </c>
      <c r="AY57" s="51">
        <v>722285</v>
      </c>
      <c r="AZ57" s="51">
        <v>1287401</v>
      </c>
      <c r="BA57" s="51">
        <v>610166</v>
      </c>
      <c r="BB57" s="51">
        <v>55025</v>
      </c>
      <c r="BC57" s="51">
        <v>432230</v>
      </c>
      <c r="BD57" s="51">
        <v>772409</v>
      </c>
      <c r="BE57" s="51">
        <v>789552</v>
      </c>
      <c r="BF57" s="51">
        <v>557873</v>
      </c>
      <c r="BG57" s="51">
        <v>587191</v>
      </c>
      <c r="BH57" s="51">
        <v>292354</v>
      </c>
      <c r="BI57" s="51">
        <v>530897</v>
      </c>
      <c r="BJ57" s="51">
        <v>2602635</v>
      </c>
      <c r="BK57" s="51">
        <v>399968</v>
      </c>
      <c r="BL57" s="51">
        <v>344847</v>
      </c>
      <c r="BM57" s="51">
        <v>1209214</v>
      </c>
      <c r="BN57" s="50">
        <v>70205286</v>
      </c>
    </row>
    <row r="58" spans="1:66" ht="10" customHeight="1">
      <c r="A58" s="206"/>
      <c r="B58" s="16"/>
      <c r="C58" s="16"/>
      <c r="D58" s="217" t="s">
        <v>172</v>
      </c>
      <c r="E58" s="209"/>
      <c r="F58" s="210"/>
      <c r="G58" s="27"/>
      <c r="H58" s="27"/>
      <c r="I58" s="27"/>
      <c r="J58" s="27"/>
      <c r="K58" s="51">
        <v>0</v>
      </c>
      <c r="L58" s="51">
        <v>417784</v>
      </c>
      <c r="M58" s="51">
        <v>0</v>
      </c>
      <c r="N58" s="51">
        <v>0</v>
      </c>
      <c r="O58" s="51">
        <v>222182</v>
      </c>
      <c r="P58" s="51">
        <v>0</v>
      </c>
      <c r="Q58" s="51">
        <v>0</v>
      </c>
      <c r="R58" s="51">
        <v>606000</v>
      </c>
      <c r="S58" s="51">
        <v>250000</v>
      </c>
      <c r="T58" s="51">
        <v>217245</v>
      </c>
      <c r="U58" s="51">
        <v>0</v>
      </c>
      <c r="V58" s="51">
        <v>193449</v>
      </c>
      <c r="W58" s="51">
        <v>210000</v>
      </c>
      <c r="X58" s="51">
        <v>8635</v>
      </c>
      <c r="Y58" s="51">
        <v>21000</v>
      </c>
      <c r="Z58" s="51">
        <v>0</v>
      </c>
      <c r="AA58" s="51">
        <v>304725</v>
      </c>
      <c r="AB58" s="51">
        <v>118000</v>
      </c>
      <c r="AC58" s="51">
        <v>584414</v>
      </c>
      <c r="AD58" s="51">
        <v>0</v>
      </c>
      <c r="AE58" s="51">
        <v>538616</v>
      </c>
      <c r="AF58" s="51">
        <v>320759</v>
      </c>
      <c r="AG58" s="51">
        <v>40001</v>
      </c>
      <c r="AH58" s="51">
        <v>87209</v>
      </c>
      <c r="AI58" s="51">
        <v>836323</v>
      </c>
      <c r="AJ58" s="51">
        <v>0</v>
      </c>
      <c r="AK58" s="51">
        <v>0</v>
      </c>
      <c r="AL58" s="51">
        <v>157798</v>
      </c>
      <c r="AM58" s="51">
        <v>304754</v>
      </c>
      <c r="AN58" s="51">
        <v>300000</v>
      </c>
      <c r="AO58" s="51">
        <v>1</v>
      </c>
      <c r="AP58" s="51">
        <v>0</v>
      </c>
      <c r="AQ58" s="51">
        <v>0</v>
      </c>
      <c r="AR58" s="51">
        <v>0</v>
      </c>
      <c r="AS58" s="51">
        <v>0</v>
      </c>
      <c r="AT58" s="51">
        <v>66178</v>
      </c>
      <c r="AU58" s="51">
        <v>100000</v>
      </c>
      <c r="AV58" s="51">
        <v>0</v>
      </c>
      <c r="AW58" s="51">
        <v>300323</v>
      </c>
      <c r="AX58" s="51">
        <v>129300</v>
      </c>
      <c r="AY58" s="51">
        <v>176082</v>
      </c>
      <c r="AZ58" s="51">
        <v>94103</v>
      </c>
      <c r="BA58" s="51">
        <v>161515</v>
      </c>
      <c r="BB58" s="51">
        <v>42297</v>
      </c>
      <c r="BC58" s="51">
        <v>60000</v>
      </c>
      <c r="BD58" s="51">
        <v>392</v>
      </c>
      <c r="BE58" s="51">
        <v>44370</v>
      </c>
      <c r="BF58" s="51">
        <v>250274</v>
      </c>
      <c r="BG58" s="51">
        <v>55196</v>
      </c>
      <c r="BH58" s="51">
        <v>0</v>
      </c>
      <c r="BI58" s="51">
        <v>85192</v>
      </c>
      <c r="BJ58" s="51">
        <v>0</v>
      </c>
      <c r="BK58" s="51">
        <v>33448</v>
      </c>
      <c r="BL58" s="51">
        <v>0</v>
      </c>
      <c r="BM58" s="51">
        <v>0</v>
      </c>
      <c r="BN58" s="50">
        <v>7337565</v>
      </c>
    </row>
    <row r="59" spans="1:66" ht="10" customHeight="1">
      <c r="A59" s="206"/>
      <c r="B59" s="16"/>
      <c r="C59" s="16"/>
      <c r="D59" s="217" t="s">
        <v>173</v>
      </c>
      <c r="E59" s="209"/>
      <c r="F59" s="210"/>
      <c r="G59" s="27"/>
      <c r="H59" s="27"/>
      <c r="I59" s="27"/>
      <c r="J59" s="27"/>
      <c r="K59" s="51">
        <v>0</v>
      </c>
      <c r="L59" s="51">
        <v>0</v>
      </c>
      <c r="M59" s="51">
        <v>0</v>
      </c>
      <c r="N59" s="51">
        <v>0</v>
      </c>
      <c r="O59" s="51">
        <v>297312</v>
      </c>
      <c r="P59" s="51">
        <v>0</v>
      </c>
      <c r="Q59" s="51">
        <v>0</v>
      </c>
      <c r="R59" s="51">
        <v>346000</v>
      </c>
      <c r="S59" s="51">
        <v>70500</v>
      </c>
      <c r="T59" s="51">
        <v>242978</v>
      </c>
      <c r="U59" s="51">
        <v>0</v>
      </c>
      <c r="V59" s="51">
        <v>150000</v>
      </c>
      <c r="W59" s="51">
        <v>0</v>
      </c>
      <c r="X59" s="51">
        <v>50000</v>
      </c>
      <c r="Y59" s="51">
        <v>0</v>
      </c>
      <c r="Z59" s="51">
        <v>343000</v>
      </c>
      <c r="AA59" s="51">
        <v>100000</v>
      </c>
      <c r="AB59" s="51">
        <v>0</v>
      </c>
      <c r="AC59" s="51">
        <v>0</v>
      </c>
      <c r="AD59" s="51">
        <v>0</v>
      </c>
      <c r="AE59" s="51">
        <v>177000</v>
      </c>
      <c r="AF59" s="51">
        <v>30001</v>
      </c>
      <c r="AG59" s="51">
        <v>0</v>
      </c>
      <c r="AH59" s="51">
        <v>0</v>
      </c>
      <c r="AI59" s="51">
        <v>0</v>
      </c>
      <c r="AJ59" s="51">
        <v>91194</v>
      </c>
      <c r="AK59" s="51">
        <v>0</v>
      </c>
      <c r="AL59" s="51">
        <v>0</v>
      </c>
      <c r="AM59" s="51">
        <v>0</v>
      </c>
      <c r="AN59" s="51">
        <v>280000</v>
      </c>
      <c r="AO59" s="51">
        <v>0</v>
      </c>
      <c r="AP59" s="51">
        <v>0</v>
      </c>
      <c r="AQ59" s="51">
        <v>0</v>
      </c>
      <c r="AR59" s="51">
        <v>124274</v>
      </c>
      <c r="AS59" s="51">
        <v>100000</v>
      </c>
      <c r="AT59" s="51">
        <v>40085</v>
      </c>
      <c r="AU59" s="51">
        <v>0</v>
      </c>
      <c r="AV59" s="51">
        <v>0</v>
      </c>
      <c r="AW59" s="51">
        <v>0</v>
      </c>
      <c r="AX59" s="51">
        <v>0</v>
      </c>
      <c r="AY59" s="51">
        <v>0</v>
      </c>
      <c r="AZ59" s="51">
        <v>0</v>
      </c>
      <c r="BA59" s="51">
        <v>0</v>
      </c>
      <c r="BB59" s="51">
        <v>0</v>
      </c>
      <c r="BC59" s="51">
        <v>0</v>
      </c>
      <c r="BD59" s="51">
        <v>100</v>
      </c>
      <c r="BE59" s="51">
        <v>0</v>
      </c>
      <c r="BF59" s="51">
        <v>0</v>
      </c>
      <c r="BG59" s="51">
        <v>92007</v>
      </c>
      <c r="BH59" s="51">
        <v>14000</v>
      </c>
      <c r="BI59" s="51">
        <v>180470</v>
      </c>
      <c r="BJ59" s="51">
        <v>744462</v>
      </c>
      <c r="BK59" s="51">
        <v>0</v>
      </c>
      <c r="BL59" s="51">
        <v>71385</v>
      </c>
      <c r="BM59" s="51">
        <v>7100</v>
      </c>
      <c r="BN59" s="50">
        <v>3551868</v>
      </c>
    </row>
    <row r="60" spans="1:66" ht="10" customHeight="1">
      <c r="A60" s="206"/>
      <c r="B60" s="16"/>
      <c r="C60" s="16"/>
      <c r="D60" s="217" t="s">
        <v>174</v>
      </c>
      <c r="E60" s="209"/>
      <c r="F60" s="210"/>
      <c r="G60" s="27"/>
      <c r="H60" s="27"/>
      <c r="I60" s="27"/>
      <c r="J60" s="27"/>
      <c r="K60" s="51">
        <v>0</v>
      </c>
      <c r="L60" s="51">
        <v>200000</v>
      </c>
      <c r="M60" s="51">
        <v>0</v>
      </c>
      <c r="N60" s="51">
        <v>0</v>
      </c>
      <c r="O60" s="51">
        <v>600000</v>
      </c>
      <c r="P60" s="51">
        <v>0</v>
      </c>
      <c r="Q60" s="51">
        <v>0</v>
      </c>
      <c r="R60" s="51">
        <v>1318549</v>
      </c>
      <c r="S60" s="51">
        <v>300000</v>
      </c>
      <c r="T60" s="51">
        <v>135443</v>
      </c>
      <c r="U60" s="51">
        <v>1438216</v>
      </c>
      <c r="V60" s="51">
        <v>350000</v>
      </c>
      <c r="W60" s="51">
        <v>402770</v>
      </c>
      <c r="X60" s="51">
        <v>10000</v>
      </c>
      <c r="Y60" s="51">
        <v>1172954</v>
      </c>
      <c r="Z60" s="51">
        <v>1340000</v>
      </c>
      <c r="AA60" s="51">
        <v>0</v>
      </c>
      <c r="AB60" s="51">
        <v>658000</v>
      </c>
      <c r="AC60" s="51">
        <v>1286045</v>
      </c>
      <c r="AD60" s="51">
        <v>0</v>
      </c>
      <c r="AE60" s="51">
        <v>538702</v>
      </c>
      <c r="AF60" s="51">
        <v>121407</v>
      </c>
      <c r="AG60" s="51">
        <v>0</v>
      </c>
      <c r="AH60" s="51">
        <v>6604</v>
      </c>
      <c r="AI60" s="51">
        <v>1150558</v>
      </c>
      <c r="AJ60" s="51">
        <v>1680776</v>
      </c>
      <c r="AK60" s="51">
        <v>0</v>
      </c>
      <c r="AL60" s="51">
        <v>132651</v>
      </c>
      <c r="AM60" s="51">
        <v>1019016</v>
      </c>
      <c r="AN60" s="51">
        <v>902665</v>
      </c>
      <c r="AO60" s="51">
        <v>160237</v>
      </c>
      <c r="AP60" s="51">
        <v>0</v>
      </c>
      <c r="AQ60" s="51">
        <v>0</v>
      </c>
      <c r="AR60" s="51">
        <v>341439</v>
      </c>
      <c r="AS60" s="51">
        <v>0</v>
      </c>
      <c r="AT60" s="51">
        <v>320021</v>
      </c>
      <c r="AU60" s="51">
        <v>19000</v>
      </c>
      <c r="AV60" s="51">
        <v>0</v>
      </c>
      <c r="AW60" s="51">
        <v>449399</v>
      </c>
      <c r="AX60" s="51">
        <v>3963</v>
      </c>
      <c r="AY60" s="51">
        <v>428000</v>
      </c>
      <c r="AZ60" s="51">
        <v>107023</v>
      </c>
      <c r="BA60" s="51">
        <v>229060</v>
      </c>
      <c r="BB60" s="51">
        <v>38811</v>
      </c>
      <c r="BC60" s="51">
        <v>0</v>
      </c>
      <c r="BD60" s="51">
        <v>590510</v>
      </c>
      <c r="BE60" s="51">
        <v>703802</v>
      </c>
      <c r="BF60" s="51">
        <v>0</v>
      </c>
      <c r="BG60" s="51">
        <v>331131</v>
      </c>
      <c r="BH60" s="51">
        <v>81262</v>
      </c>
      <c r="BI60" s="51">
        <v>278751</v>
      </c>
      <c r="BJ60" s="51">
        <v>0</v>
      </c>
      <c r="BK60" s="51">
        <v>0</v>
      </c>
      <c r="BL60" s="51">
        <v>0</v>
      </c>
      <c r="BM60" s="51">
        <v>627235</v>
      </c>
      <c r="BN60" s="50">
        <v>19474000</v>
      </c>
    </row>
    <row r="61" spans="1:66" ht="10" customHeight="1">
      <c r="A61" s="206"/>
      <c r="B61" s="16"/>
      <c r="C61" s="16"/>
      <c r="D61" s="217" t="s">
        <v>175</v>
      </c>
      <c r="E61" s="209"/>
      <c r="F61" s="210"/>
      <c r="G61" s="27"/>
      <c r="H61" s="27"/>
      <c r="I61" s="27"/>
      <c r="J61" s="27"/>
      <c r="K61" s="51">
        <v>1040000</v>
      </c>
      <c r="L61" s="51">
        <v>0</v>
      </c>
      <c r="M61" s="51">
        <v>0</v>
      </c>
      <c r="N61" s="51">
        <v>0</v>
      </c>
      <c r="O61" s="51">
        <v>0</v>
      </c>
      <c r="P61" s="51">
        <v>0</v>
      </c>
      <c r="Q61" s="51">
        <v>0</v>
      </c>
      <c r="R61" s="51">
        <v>0</v>
      </c>
      <c r="S61" s="51">
        <v>0</v>
      </c>
      <c r="T61" s="51">
        <v>0</v>
      </c>
      <c r="U61" s="51">
        <v>0</v>
      </c>
      <c r="V61" s="51">
        <v>0</v>
      </c>
      <c r="W61" s="51">
        <v>0</v>
      </c>
      <c r="X61" s="51">
        <v>0</v>
      </c>
      <c r="Y61" s="51">
        <v>0</v>
      </c>
      <c r="Z61" s="51">
        <v>0</v>
      </c>
      <c r="AA61" s="51">
        <v>0</v>
      </c>
      <c r="AB61" s="51">
        <v>0</v>
      </c>
      <c r="AC61" s="51">
        <v>0</v>
      </c>
      <c r="AD61" s="51">
        <v>0</v>
      </c>
      <c r="AE61" s="51">
        <v>0</v>
      </c>
      <c r="AF61" s="51">
        <v>0</v>
      </c>
      <c r="AG61" s="51">
        <v>0</v>
      </c>
      <c r="AH61" s="51">
        <v>0</v>
      </c>
      <c r="AI61" s="51">
        <v>0</v>
      </c>
      <c r="AJ61" s="51">
        <v>0</v>
      </c>
      <c r="AK61" s="51">
        <v>0</v>
      </c>
      <c r="AL61" s="51">
        <v>0</v>
      </c>
      <c r="AM61" s="51">
        <v>0</v>
      </c>
      <c r="AN61" s="51">
        <v>0</v>
      </c>
      <c r="AO61" s="51">
        <v>0</v>
      </c>
      <c r="AP61" s="51">
        <v>0</v>
      </c>
      <c r="AQ61" s="51">
        <v>0</v>
      </c>
      <c r="AR61" s="51">
        <v>0</v>
      </c>
      <c r="AS61" s="51">
        <v>0</v>
      </c>
      <c r="AT61" s="51">
        <v>0</v>
      </c>
      <c r="AU61" s="51">
        <v>0</v>
      </c>
      <c r="AV61" s="51">
        <v>0</v>
      </c>
      <c r="AW61" s="51">
        <v>0</v>
      </c>
      <c r="AX61" s="51">
        <v>0</v>
      </c>
      <c r="AY61" s="51">
        <v>0</v>
      </c>
      <c r="AZ61" s="51">
        <v>0</v>
      </c>
      <c r="BA61" s="51">
        <v>0</v>
      </c>
      <c r="BB61" s="51">
        <v>0</v>
      </c>
      <c r="BC61" s="51">
        <v>0</v>
      </c>
      <c r="BD61" s="51">
        <v>0</v>
      </c>
      <c r="BE61" s="51">
        <v>0</v>
      </c>
      <c r="BF61" s="51">
        <v>0</v>
      </c>
      <c r="BG61" s="51">
        <v>0</v>
      </c>
      <c r="BH61" s="51">
        <v>0</v>
      </c>
      <c r="BI61" s="51">
        <v>0</v>
      </c>
      <c r="BJ61" s="51">
        <v>0</v>
      </c>
      <c r="BK61" s="51">
        <v>0</v>
      </c>
      <c r="BL61" s="51">
        <v>0</v>
      </c>
      <c r="BM61" s="51">
        <v>0</v>
      </c>
      <c r="BN61" s="50">
        <v>1040000</v>
      </c>
    </row>
    <row r="62" spans="1:66" ht="10" customHeight="1">
      <c r="A62" s="206"/>
      <c r="B62" s="16"/>
      <c r="C62" s="16"/>
      <c r="D62" s="252" t="s">
        <v>196</v>
      </c>
      <c r="E62" s="29" t="s">
        <v>127</v>
      </c>
      <c r="F62" s="14"/>
      <c r="G62" s="27"/>
      <c r="H62" s="27"/>
      <c r="I62" s="27"/>
      <c r="J62" s="27"/>
      <c r="K62" s="51">
        <v>8468572</v>
      </c>
      <c r="L62" s="51">
        <v>2270991</v>
      </c>
      <c r="M62" s="51">
        <v>3521272</v>
      </c>
      <c r="N62" s="51">
        <v>3960660</v>
      </c>
      <c r="O62" s="51">
        <v>538810</v>
      </c>
      <c r="P62" s="51">
        <v>728730</v>
      </c>
      <c r="Q62" s="51">
        <v>85394</v>
      </c>
      <c r="R62" s="51">
        <v>943620</v>
      </c>
      <c r="S62" s="51">
        <v>223593</v>
      </c>
      <c r="T62" s="51">
        <v>81497</v>
      </c>
      <c r="U62" s="51">
        <v>130069</v>
      </c>
      <c r="V62" s="51">
        <v>592055</v>
      </c>
      <c r="W62" s="51">
        <v>997918</v>
      </c>
      <c r="X62" s="51">
        <v>267269</v>
      </c>
      <c r="Y62" s="51">
        <v>142637</v>
      </c>
      <c r="Z62" s="51">
        <v>626698</v>
      </c>
      <c r="AA62" s="51">
        <v>867414</v>
      </c>
      <c r="AB62" s="51">
        <v>361089</v>
      </c>
      <c r="AC62" s="51">
        <v>311401</v>
      </c>
      <c r="AD62" s="51">
        <v>429459</v>
      </c>
      <c r="AE62" s="51">
        <v>828425</v>
      </c>
      <c r="AF62" s="51">
        <v>324771</v>
      </c>
      <c r="AG62" s="51">
        <v>164196</v>
      </c>
      <c r="AH62" s="51">
        <v>568507</v>
      </c>
      <c r="AI62" s="51">
        <v>714647</v>
      </c>
      <c r="AJ62" s="51">
        <v>365309</v>
      </c>
      <c r="AK62" s="51">
        <v>483688</v>
      </c>
      <c r="AL62" s="51">
        <v>604142</v>
      </c>
      <c r="AM62" s="51">
        <v>293137</v>
      </c>
      <c r="AN62" s="51">
        <v>68651</v>
      </c>
      <c r="AO62" s="51">
        <v>76128</v>
      </c>
      <c r="AP62" s="51">
        <v>204151</v>
      </c>
      <c r="AQ62" s="51">
        <v>1343694</v>
      </c>
      <c r="AR62" s="51">
        <v>409906</v>
      </c>
      <c r="AS62" s="51">
        <v>157521</v>
      </c>
      <c r="AT62" s="51">
        <v>1266</v>
      </c>
      <c r="AU62" s="51">
        <v>255620</v>
      </c>
      <c r="AV62" s="51">
        <v>401077</v>
      </c>
      <c r="AW62" s="51">
        <v>214362</v>
      </c>
      <c r="AX62" s="51">
        <v>107438</v>
      </c>
      <c r="AY62" s="51">
        <v>118203</v>
      </c>
      <c r="AZ62" s="51">
        <v>1086275</v>
      </c>
      <c r="BA62" s="51">
        <v>219591</v>
      </c>
      <c r="BB62" s="51">
        <v>0</v>
      </c>
      <c r="BC62" s="51">
        <v>372230</v>
      </c>
      <c r="BD62" s="51">
        <v>181407</v>
      </c>
      <c r="BE62" s="51">
        <v>41380</v>
      </c>
      <c r="BF62" s="51">
        <v>307599</v>
      </c>
      <c r="BG62" s="51">
        <v>108857</v>
      </c>
      <c r="BH62" s="51">
        <v>197092</v>
      </c>
      <c r="BI62" s="51">
        <v>0</v>
      </c>
      <c r="BJ62" s="51">
        <v>1858173</v>
      </c>
      <c r="BK62" s="51">
        <v>366520</v>
      </c>
      <c r="BL62" s="51">
        <v>273462</v>
      </c>
      <c r="BM62" s="51">
        <v>574879</v>
      </c>
      <c r="BN62" s="50">
        <v>38841452</v>
      </c>
    </row>
    <row r="63" spans="1:66" ht="10" customHeight="1">
      <c r="A63" s="206"/>
      <c r="B63" s="16"/>
      <c r="C63" s="16"/>
      <c r="D63" s="253"/>
      <c r="E63" s="29" t="s">
        <v>577</v>
      </c>
      <c r="F63" s="14"/>
      <c r="G63" s="27"/>
      <c r="H63" s="27"/>
      <c r="I63" s="27"/>
      <c r="J63" s="27"/>
      <c r="K63" s="77">
        <v>0</v>
      </c>
      <c r="L63" s="77">
        <v>0</v>
      </c>
      <c r="M63" s="77">
        <v>0</v>
      </c>
      <c r="N63" s="77">
        <v>0</v>
      </c>
      <c r="O63" s="77">
        <v>0</v>
      </c>
      <c r="P63" s="77">
        <v>0</v>
      </c>
      <c r="Q63" s="77">
        <v>0</v>
      </c>
      <c r="R63" s="77">
        <v>0</v>
      </c>
      <c r="S63" s="77">
        <v>0</v>
      </c>
      <c r="T63" s="77">
        <v>0</v>
      </c>
      <c r="U63" s="77">
        <v>0</v>
      </c>
      <c r="V63" s="77">
        <v>0</v>
      </c>
      <c r="W63" s="77">
        <v>0</v>
      </c>
      <c r="X63" s="77">
        <v>0</v>
      </c>
      <c r="Y63" s="77">
        <v>0</v>
      </c>
      <c r="Z63" s="77">
        <v>0</v>
      </c>
      <c r="AA63" s="77">
        <v>0</v>
      </c>
      <c r="AB63" s="77">
        <v>0</v>
      </c>
      <c r="AC63" s="77">
        <v>0</v>
      </c>
      <c r="AD63" s="77">
        <v>0</v>
      </c>
      <c r="AE63" s="77">
        <v>0</v>
      </c>
      <c r="AF63" s="77">
        <v>0</v>
      </c>
      <c r="AG63" s="77">
        <v>0</v>
      </c>
      <c r="AH63" s="77">
        <v>0</v>
      </c>
      <c r="AI63" s="77">
        <v>0</v>
      </c>
      <c r="AJ63" s="77">
        <v>0</v>
      </c>
      <c r="AK63" s="77">
        <v>0</v>
      </c>
      <c r="AL63" s="77">
        <v>0</v>
      </c>
      <c r="AM63" s="77">
        <v>0</v>
      </c>
      <c r="AN63" s="77">
        <v>0</v>
      </c>
      <c r="AO63" s="77">
        <v>0</v>
      </c>
      <c r="AP63" s="77">
        <v>0</v>
      </c>
      <c r="AQ63" s="77">
        <v>0</v>
      </c>
      <c r="AR63" s="77">
        <v>0</v>
      </c>
      <c r="AS63" s="77">
        <v>0</v>
      </c>
      <c r="AT63" s="77">
        <v>0</v>
      </c>
      <c r="AU63" s="77">
        <v>0</v>
      </c>
      <c r="AV63" s="77">
        <v>0</v>
      </c>
      <c r="AW63" s="77">
        <v>0</v>
      </c>
      <c r="AX63" s="77">
        <v>0</v>
      </c>
      <c r="AY63" s="77">
        <v>0</v>
      </c>
      <c r="AZ63" s="77">
        <v>0</v>
      </c>
      <c r="BA63" s="77">
        <v>0</v>
      </c>
      <c r="BB63" s="77">
        <v>26083</v>
      </c>
      <c r="BC63" s="77">
        <v>0</v>
      </c>
      <c r="BD63" s="77">
        <v>0</v>
      </c>
      <c r="BE63" s="77">
        <v>0</v>
      </c>
      <c r="BF63" s="77">
        <v>0</v>
      </c>
      <c r="BG63" s="77">
        <v>0</v>
      </c>
      <c r="BH63" s="77">
        <v>0</v>
      </c>
      <c r="BI63" s="77">
        <v>13516</v>
      </c>
      <c r="BJ63" s="77">
        <v>0</v>
      </c>
      <c r="BK63" s="77">
        <v>0</v>
      </c>
      <c r="BL63" s="77">
        <v>0</v>
      </c>
      <c r="BM63" s="77">
        <v>0</v>
      </c>
      <c r="BN63" s="79">
        <v>39599</v>
      </c>
    </row>
    <row r="64" spans="1:66" ht="10" customHeight="1">
      <c r="A64" s="206"/>
      <c r="B64" s="16"/>
      <c r="C64" s="16"/>
      <c r="D64" s="253"/>
      <c r="E64" s="252" t="s">
        <v>197</v>
      </c>
      <c r="F64" s="14" t="s">
        <v>198</v>
      </c>
      <c r="G64" s="23"/>
      <c r="H64" s="23"/>
      <c r="I64" s="23"/>
      <c r="J64" s="23"/>
      <c r="K64" s="51">
        <v>4209474</v>
      </c>
      <c r="L64" s="51">
        <v>454344</v>
      </c>
      <c r="M64" s="51">
        <v>574383</v>
      </c>
      <c r="N64" s="51">
        <v>1876673</v>
      </c>
      <c r="O64" s="51">
        <v>160455</v>
      </c>
      <c r="P64" s="51">
        <v>249208</v>
      </c>
      <c r="Q64" s="51">
        <v>0</v>
      </c>
      <c r="R64" s="51">
        <v>238415</v>
      </c>
      <c r="S64" s="51">
        <v>0</v>
      </c>
      <c r="T64" s="51">
        <v>0</v>
      </c>
      <c r="U64" s="51">
        <v>46139</v>
      </c>
      <c r="V64" s="51">
        <v>219713</v>
      </c>
      <c r="W64" s="51">
        <v>102069</v>
      </c>
      <c r="X64" s="51">
        <v>87269</v>
      </c>
      <c r="Y64" s="51">
        <v>90188</v>
      </c>
      <c r="Z64" s="51">
        <v>315675</v>
      </c>
      <c r="AA64" s="51">
        <v>92796</v>
      </c>
      <c r="AB64" s="51">
        <v>96911</v>
      </c>
      <c r="AC64" s="51">
        <v>134195</v>
      </c>
      <c r="AD64" s="51">
        <v>222358</v>
      </c>
      <c r="AE64" s="51">
        <v>421221</v>
      </c>
      <c r="AF64" s="51">
        <v>49597</v>
      </c>
      <c r="AG64" s="51">
        <v>91061</v>
      </c>
      <c r="AH64" s="51">
        <v>74045</v>
      </c>
      <c r="AI64" s="51">
        <v>485533</v>
      </c>
      <c r="AJ64" s="51">
        <v>253024</v>
      </c>
      <c r="AK64" s="51">
        <v>242257</v>
      </c>
      <c r="AL64" s="51">
        <v>322098</v>
      </c>
      <c r="AM64" s="51">
        <v>69292</v>
      </c>
      <c r="AN64" s="51">
        <v>13406</v>
      </c>
      <c r="AO64" s="51">
        <v>0</v>
      </c>
      <c r="AP64" s="51">
        <v>139410</v>
      </c>
      <c r="AQ64" s="51">
        <v>295880</v>
      </c>
      <c r="AR64" s="51">
        <v>173500</v>
      </c>
      <c r="AS64" s="51">
        <v>74563</v>
      </c>
      <c r="AT64" s="51">
        <v>112</v>
      </c>
      <c r="AU64" s="51">
        <v>120681</v>
      </c>
      <c r="AV64" s="51">
        <v>19710</v>
      </c>
      <c r="AW64" s="51">
        <v>1991</v>
      </c>
      <c r="AX64" s="51">
        <v>55328</v>
      </c>
      <c r="AY64" s="51">
        <v>32987</v>
      </c>
      <c r="AZ64" s="51">
        <v>0</v>
      </c>
      <c r="BA64" s="51">
        <v>61737</v>
      </c>
      <c r="BB64" s="51">
        <v>0</v>
      </c>
      <c r="BC64" s="51">
        <v>54696</v>
      </c>
      <c r="BD64" s="51">
        <v>29116</v>
      </c>
      <c r="BE64" s="51">
        <v>8368</v>
      </c>
      <c r="BF64" s="51">
        <v>123413</v>
      </c>
      <c r="BG64" s="51">
        <v>61722</v>
      </c>
      <c r="BH64" s="51">
        <v>82792</v>
      </c>
      <c r="BI64" s="51">
        <v>0</v>
      </c>
      <c r="BJ64" s="51">
        <v>896993</v>
      </c>
      <c r="BK64" s="51">
        <v>150935</v>
      </c>
      <c r="BL64" s="51">
        <v>62971</v>
      </c>
      <c r="BM64" s="51">
        <v>0</v>
      </c>
      <c r="BN64" s="50">
        <v>13638704</v>
      </c>
    </row>
    <row r="65" spans="1:66" ht="10" customHeight="1">
      <c r="A65" s="206"/>
      <c r="B65" s="17"/>
      <c r="C65" s="17"/>
      <c r="D65" s="254"/>
      <c r="E65" s="254"/>
      <c r="F65" s="14" t="s">
        <v>578</v>
      </c>
      <c r="G65" s="23"/>
      <c r="H65" s="23"/>
      <c r="I65" s="23"/>
      <c r="J65" s="23"/>
      <c r="K65" s="77">
        <v>0</v>
      </c>
      <c r="L65" s="77">
        <v>0</v>
      </c>
      <c r="M65" s="77">
        <v>0</v>
      </c>
      <c r="N65" s="77">
        <v>0</v>
      </c>
      <c r="O65" s="77">
        <v>0</v>
      </c>
      <c r="P65" s="77">
        <v>0</v>
      </c>
      <c r="Q65" s="77">
        <v>31309</v>
      </c>
      <c r="R65" s="77">
        <v>0</v>
      </c>
      <c r="S65" s="77">
        <v>21407</v>
      </c>
      <c r="T65" s="77">
        <v>9115</v>
      </c>
      <c r="U65" s="77">
        <v>0</v>
      </c>
      <c r="V65" s="77">
        <v>0</v>
      </c>
      <c r="W65" s="77">
        <v>0</v>
      </c>
      <c r="X65" s="77">
        <v>0</v>
      </c>
      <c r="Y65" s="77">
        <v>0</v>
      </c>
      <c r="Z65" s="77">
        <v>0</v>
      </c>
      <c r="AA65" s="77">
        <v>0</v>
      </c>
      <c r="AB65" s="77">
        <v>0</v>
      </c>
      <c r="AC65" s="77">
        <v>0</v>
      </c>
      <c r="AD65" s="77">
        <v>0</v>
      </c>
      <c r="AE65" s="77">
        <v>0</v>
      </c>
      <c r="AF65" s="77">
        <v>0</v>
      </c>
      <c r="AG65" s="77">
        <v>0</v>
      </c>
      <c r="AH65" s="77">
        <v>0</v>
      </c>
      <c r="AI65" s="77">
        <v>0</v>
      </c>
      <c r="AJ65" s="77">
        <v>0</v>
      </c>
      <c r="AK65" s="77">
        <v>0</v>
      </c>
      <c r="AL65" s="77">
        <v>0</v>
      </c>
      <c r="AM65" s="77">
        <v>0</v>
      </c>
      <c r="AN65" s="77">
        <v>0</v>
      </c>
      <c r="AO65" s="77">
        <v>14574</v>
      </c>
      <c r="AP65" s="77">
        <v>0</v>
      </c>
      <c r="AQ65" s="77">
        <v>0</v>
      </c>
      <c r="AR65" s="77">
        <v>0</v>
      </c>
      <c r="AS65" s="77">
        <v>0</v>
      </c>
      <c r="AT65" s="77">
        <v>0</v>
      </c>
      <c r="AU65" s="77">
        <v>0</v>
      </c>
      <c r="AV65" s="77">
        <v>0</v>
      </c>
      <c r="AW65" s="77">
        <v>0</v>
      </c>
      <c r="AX65" s="77">
        <v>0</v>
      </c>
      <c r="AY65" s="77">
        <v>0</v>
      </c>
      <c r="AZ65" s="77">
        <v>15668</v>
      </c>
      <c r="BA65" s="77">
        <v>0</v>
      </c>
      <c r="BB65" s="77">
        <v>18019</v>
      </c>
      <c r="BC65" s="77">
        <v>0</v>
      </c>
      <c r="BD65" s="77">
        <v>0</v>
      </c>
      <c r="BE65" s="77">
        <v>0</v>
      </c>
      <c r="BF65" s="77">
        <v>0</v>
      </c>
      <c r="BG65" s="77">
        <v>0</v>
      </c>
      <c r="BH65" s="77">
        <v>0</v>
      </c>
      <c r="BI65" s="77">
        <v>13516</v>
      </c>
      <c r="BJ65" s="77">
        <v>0</v>
      </c>
      <c r="BK65" s="77">
        <v>0</v>
      </c>
      <c r="BL65" s="77">
        <v>0</v>
      </c>
      <c r="BM65" s="77">
        <v>27682</v>
      </c>
      <c r="BN65" s="79">
        <v>151290</v>
      </c>
    </row>
    <row r="66" spans="1:66" ht="10" customHeight="1">
      <c r="A66" s="206"/>
      <c r="B66" s="217" t="s">
        <v>556</v>
      </c>
      <c r="C66" s="209"/>
      <c r="D66" s="209"/>
      <c r="E66" s="209"/>
      <c r="F66" s="210"/>
      <c r="G66" s="23"/>
      <c r="H66" s="23"/>
      <c r="I66" s="23"/>
      <c r="J66" s="23"/>
      <c r="K66" s="51">
        <v>0</v>
      </c>
      <c r="L66" s="51">
        <v>0</v>
      </c>
      <c r="M66" s="51">
        <v>-27488</v>
      </c>
      <c r="N66" s="51">
        <v>0</v>
      </c>
      <c r="O66" s="51">
        <v>0</v>
      </c>
      <c r="P66" s="51">
        <v>0</v>
      </c>
      <c r="Q66" s="51">
        <v>0</v>
      </c>
      <c r="R66" s="51">
        <v>0</v>
      </c>
      <c r="S66" s="51">
        <v>0</v>
      </c>
      <c r="T66" s="51">
        <v>0</v>
      </c>
      <c r="U66" s="51">
        <v>0</v>
      </c>
      <c r="V66" s="51">
        <v>0</v>
      </c>
      <c r="W66" s="51">
        <v>0</v>
      </c>
      <c r="X66" s="51">
        <v>0</v>
      </c>
      <c r="Y66" s="51">
        <v>0</v>
      </c>
      <c r="Z66" s="51">
        <v>0</v>
      </c>
      <c r="AA66" s="51">
        <v>0</v>
      </c>
      <c r="AB66" s="51">
        <v>0</v>
      </c>
      <c r="AC66" s="51">
        <v>0</v>
      </c>
      <c r="AD66" s="51">
        <v>0</v>
      </c>
      <c r="AE66" s="51">
        <v>0</v>
      </c>
      <c r="AF66" s="51">
        <v>0</v>
      </c>
      <c r="AG66" s="51">
        <v>0</v>
      </c>
      <c r="AH66" s="51">
        <v>0</v>
      </c>
      <c r="AI66" s="51">
        <v>0</v>
      </c>
      <c r="AJ66" s="51">
        <v>0</v>
      </c>
      <c r="AK66" s="51">
        <v>0</v>
      </c>
      <c r="AL66" s="51">
        <v>0</v>
      </c>
      <c r="AM66" s="51">
        <v>0</v>
      </c>
      <c r="AN66" s="51">
        <v>0</v>
      </c>
      <c r="AO66" s="51">
        <v>0</v>
      </c>
      <c r="AP66" s="51">
        <v>0</v>
      </c>
      <c r="AQ66" s="51">
        <v>0</v>
      </c>
      <c r="AR66" s="51">
        <v>0</v>
      </c>
      <c r="AS66" s="51">
        <v>0</v>
      </c>
      <c r="AT66" s="51">
        <v>0</v>
      </c>
      <c r="AU66" s="51">
        <v>0</v>
      </c>
      <c r="AV66" s="51">
        <v>0</v>
      </c>
      <c r="AW66" s="51">
        <v>0</v>
      </c>
      <c r="AX66" s="51">
        <v>0</v>
      </c>
      <c r="AY66" s="51">
        <v>0</v>
      </c>
      <c r="AZ66" s="51">
        <v>0</v>
      </c>
      <c r="BA66" s="51">
        <v>0</v>
      </c>
      <c r="BB66" s="51">
        <v>0</v>
      </c>
      <c r="BC66" s="51">
        <v>0</v>
      </c>
      <c r="BD66" s="51">
        <v>0</v>
      </c>
      <c r="BE66" s="51">
        <v>0</v>
      </c>
      <c r="BF66" s="51">
        <v>0</v>
      </c>
      <c r="BG66" s="51">
        <v>0</v>
      </c>
      <c r="BH66" s="51">
        <v>0</v>
      </c>
      <c r="BI66" s="51">
        <v>0</v>
      </c>
      <c r="BJ66" s="51">
        <v>0</v>
      </c>
      <c r="BK66" s="51">
        <v>0</v>
      </c>
      <c r="BL66" s="51">
        <v>0</v>
      </c>
      <c r="BM66" s="51">
        <v>0</v>
      </c>
      <c r="BN66" s="50">
        <v>-27488</v>
      </c>
    </row>
    <row r="67" spans="1:66" ht="10" customHeight="1">
      <c r="A67" s="207"/>
      <c r="B67" s="209" t="s">
        <v>555</v>
      </c>
      <c r="C67" s="209"/>
      <c r="D67" s="209"/>
      <c r="E67" s="209"/>
      <c r="F67" s="210"/>
      <c r="G67" s="27"/>
      <c r="H67" s="27"/>
      <c r="I67" s="27"/>
      <c r="J67" s="27"/>
      <c r="K67" s="51">
        <v>160664950</v>
      </c>
      <c r="L67" s="51">
        <v>32053902</v>
      </c>
      <c r="M67" s="51">
        <v>24042652</v>
      </c>
      <c r="N67" s="51">
        <v>51534058</v>
      </c>
      <c r="O67" s="51">
        <v>8505227</v>
      </c>
      <c r="P67" s="51">
        <v>38719651</v>
      </c>
      <c r="Q67" s="51">
        <v>11434682</v>
      </c>
      <c r="R67" s="51">
        <v>9846030</v>
      </c>
      <c r="S67" s="51">
        <v>8689720</v>
      </c>
      <c r="T67" s="51">
        <v>11910140</v>
      </c>
      <c r="U67" s="51">
        <v>12767366</v>
      </c>
      <c r="V67" s="51">
        <v>18667270</v>
      </c>
      <c r="W67" s="51">
        <v>5085729</v>
      </c>
      <c r="X67" s="51">
        <v>11133000</v>
      </c>
      <c r="Y67" s="51">
        <v>19132239</v>
      </c>
      <c r="Z67" s="51">
        <v>21720874</v>
      </c>
      <c r="AA67" s="51">
        <v>25988635</v>
      </c>
      <c r="AB67" s="51">
        <v>8546785</v>
      </c>
      <c r="AC67" s="51">
        <v>13396479</v>
      </c>
      <c r="AD67" s="51">
        <v>16954706</v>
      </c>
      <c r="AE67" s="51">
        <v>11664725</v>
      </c>
      <c r="AF67" s="51">
        <v>6503778</v>
      </c>
      <c r="AG67" s="51">
        <v>7527375</v>
      </c>
      <c r="AH67" s="51">
        <v>12687616</v>
      </c>
      <c r="AI67" s="51">
        <v>23997195</v>
      </c>
      <c r="AJ67" s="51">
        <v>10356039</v>
      </c>
      <c r="AK67" s="51">
        <v>9743432</v>
      </c>
      <c r="AL67" s="51">
        <v>10879477</v>
      </c>
      <c r="AM67" s="51">
        <v>5625329</v>
      </c>
      <c r="AN67" s="51">
        <v>5473683</v>
      </c>
      <c r="AO67" s="51">
        <v>6426498</v>
      </c>
      <c r="AP67" s="51">
        <v>7948512</v>
      </c>
      <c r="AQ67" s="51">
        <v>7457933</v>
      </c>
      <c r="AR67" s="51">
        <v>4645711</v>
      </c>
      <c r="AS67" s="51">
        <v>6774851</v>
      </c>
      <c r="AT67" s="51">
        <v>2952002</v>
      </c>
      <c r="AU67" s="51">
        <v>4980201</v>
      </c>
      <c r="AV67" s="51">
        <v>1658904</v>
      </c>
      <c r="AW67" s="51">
        <v>3012693</v>
      </c>
      <c r="AX67" s="51">
        <v>4556121</v>
      </c>
      <c r="AY67" s="51">
        <v>3911963</v>
      </c>
      <c r="AZ67" s="51">
        <v>2302252</v>
      </c>
      <c r="BA67" s="51">
        <v>3720727</v>
      </c>
      <c r="BB67" s="51">
        <v>2447380</v>
      </c>
      <c r="BC67" s="51">
        <v>1890628</v>
      </c>
      <c r="BD67" s="51">
        <v>2016710</v>
      </c>
      <c r="BE67" s="51">
        <v>1691338</v>
      </c>
      <c r="BF67" s="51">
        <v>2500370</v>
      </c>
      <c r="BG67" s="51">
        <v>5149971</v>
      </c>
      <c r="BH67" s="51">
        <v>3815903</v>
      </c>
      <c r="BI67" s="51">
        <v>4806143</v>
      </c>
      <c r="BJ67" s="51">
        <v>38617133</v>
      </c>
      <c r="BK67" s="51">
        <v>16750922</v>
      </c>
      <c r="BL67" s="51">
        <v>21541162</v>
      </c>
      <c r="BM67" s="51">
        <v>30816100</v>
      </c>
      <c r="BN67" s="50">
        <v>807644872</v>
      </c>
    </row>
    <row r="68" spans="1:66" ht="10" customHeight="1">
      <c r="A68" s="216" t="s">
        <v>176</v>
      </c>
      <c r="B68" s="209"/>
      <c r="C68" s="209"/>
      <c r="D68" s="209"/>
      <c r="E68" s="209"/>
      <c r="F68" s="210"/>
      <c r="G68" s="27"/>
      <c r="H68" s="27"/>
      <c r="I68" s="27"/>
      <c r="J68" s="27"/>
      <c r="K68" s="51">
        <v>242990890</v>
      </c>
      <c r="L68" s="51">
        <v>48705039</v>
      </c>
      <c r="M68" s="51">
        <v>45718008</v>
      </c>
      <c r="N68" s="51">
        <v>87289383</v>
      </c>
      <c r="O68" s="51">
        <v>18620074</v>
      </c>
      <c r="P68" s="51">
        <v>58573319</v>
      </c>
      <c r="Q68" s="51">
        <v>20043948</v>
      </c>
      <c r="R68" s="51">
        <v>20217841</v>
      </c>
      <c r="S68" s="51">
        <v>13248539</v>
      </c>
      <c r="T68" s="51">
        <v>16302527</v>
      </c>
      <c r="U68" s="51">
        <v>26721013</v>
      </c>
      <c r="V68" s="51">
        <v>25899936</v>
      </c>
      <c r="W68" s="51">
        <v>10234586</v>
      </c>
      <c r="X68" s="51">
        <v>16675395</v>
      </c>
      <c r="Y68" s="51">
        <v>36244891</v>
      </c>
      <c r="Z68" s="51">
        <v>31654353</v>
      </c>
      <c r="AA68" s="51">
        <v>36442264</v>
      </c>
      <c r="AB68" s="51">
        <v>11862618</v>
      </c>
      <c r="AC68" s="51">
        <v>19399313</v>
      </c>
      <c r="AD68" s="51">
        <v>26496215</v>
      </c>
      <c r="AE68" s="51">
        <v>19548347</v>
      </c>
      <c r="AF68" s="51">
        <v>10612615</v>
      </c>
      <c r="AG68" s="51">
        <v>10603447</v>
      </c>
      <c r="AH68" s="51">
        <v>21653367</v>
      </c>
      <c r="AI68" s="51">
        <v>30361007</v>
      </c>
      <c r="AJ68" s="51">
        <v>20631231</v>
      </c>
      <c r="AK68" s="51">
        <v>11476789</v>
      </c>
      <c r="AL68" s="51">
        <v>24068052</v>
      </c>
      <c r="AM68" s="51">
        <v>8150118</v>
      </c>
      <c r="AN68" s="51">
        <v>7950876</v>
      </c>
      <c r="AO68" s="51">
        <v>10837306</v>
      </c>
      <c r="AP68" s="51">
        <v>15748729</v>
      </c>
      <c r="AQ68" s="51">
        <v>11700238</v>
      </c>
      <c r="AR68" s="51">
        <v>9902913</v>
      </c>
      <c r="AS68" s="51">
        <v>10022409</v>
      </c>
      <c r="AT68" s="51">
        <v>6391305</v>
      </c>
      <c r="AU68" s="51">
        <v>8316073</v>
      </c>
      <c r="AV68" s="51">
        <v>1848761</v>
      </c>
      <c r="AW68" s="51">
        <v>3678694</v>
      </c>
      <c r="AX68" s="51">
        <v>6201303</v>
      </c>
      <c r="AY68" s="51">
        <v>5663273</v>
      </c>
      <c r="AZ68" s="51">
        <v>4412177</v>
      </c>
      <c r="BA68" s="51">
        <v>5567560</v>
      </c>
      <c r="BB68" s="51">
        <v>2895489</v>
      </c>
      <c r="BC68" s="51">
        <v>2963738</v>
      </c>
      <c r="BD68" s="51">
        <v>4535821</v>
      </c>
      <c r="BE68" s="51">
        <v>2271512</v>
      </c>
      <c r="BF68" s="51">
        <v>4492872</v>
      </c>
      <c r="BG68" s="51">
        <v>7753345</v>
      </c>
      <c r="BH68" s="51">
        <v>7805325</v>
      </c>
      <c r="BI68" s="51">
        <v>8077139</v>
      </c>
      <c r="BJ68" s="51">
        <v>66793128</v>
      </c>
      <c r="BK68" s="51">
        <v>22833399</v>
      </c>
      <c r="BL68" s="51">
        <v>25745489</v>
      </c>
      <c r="BM68" s="51">
        <v>51604582</v>
      </c>
      <c r="BN68" s="50">
        <v>1286458581</v>
      </c>
    </row>
    <row r="69" spans="1:66" ht="10" customHeight="1">
      <c r="A69" s="216" t="s">
        <v>177</v>
      </c>
      <c r="B69" s="209"/>
      <c r="C69" s="209"/>
      <c r="D69" s="209"/>
      <c r="E69" s="209"/>
      <c r="F69" s="210"/>
      <c r="G69" s="27"/>
      <c r="H69" s="27"/>
      <c r="I69" s="27"/>
      <c r="J69" s="27"/>
      <c r="K69" s="51">
        <v>0</v>
      </c>
      <c r="L69" s="51">
        <v>0</v>
      </c>
      <c r="M69" s="51">
        <v>0</v>
      </c>
      <c r="N69" s="51">
        <v>0</v>
      </c>
      <c r="O69" s="51">
        <v>0</v>
      </c>
      <c r="P69" s="51">
        <v>0</v>
      </c>
      <c r="Q69" s="51">
        <v>0</v>
      </c>
      <c r="R69" s="51">
        <v>0</v>
      </c>
      <c r="S69" s="51">
        <v>0</v>
      </c>
      <c r="T69" s="51">
        <v>0</v>
      </c>
      <c r="U69" s="51">
        <v>0</v>
      </c>
      <c r="V69" s="51">
        <v>0</v>
      </c>
      <c r="W69" s="51">
        <v>0</v>
      </c>
      <c r="X69" s="51">
        <v>0</v>
      </c>
      <c r="Y69" s="51">
        <v>0</v>
      </c>
      <c r="Z69" s="51">
        <v>0</v>
      </c>
      <c r="AA69" s="51">
        <v>0</v>
      </c>
      <c r="AB69" s="51">
        <v>0</v>
      </c>
      <c r="AC69" s="51">
        <v>0</v>
      </c>
      <c r="AD69" s="51">
        <v>0</v>
      </c>
      <c r="AE69" s="51">
        <v>0</v>
      </c>
      <c r="AF69" s="51">
        <v>0</v>
      </c>
      <c r="AG69" s="51">
        <v>0</v>
      </c>
      <c r="AH69" s="51">
        <v>0</v>
      </c>
      <c r="AI69" s="51">
        <v>0</v>
      </c>
      <c r="AJ69" s="51">
        <v>0</v>
      </c>
      <c r="AK69" s="51">
        <v>0</v>
      </c>
      <c r="AL69" s="51">
        <v>0</v>
      </c>
      <c r="AM69" s="51">
        <v>0</v>
      </c>
      <c r="AN69" s="51">
        <v>0</v>
      </c>
      <c r="AO69" s="51">
        <v>0</v>
      </c>
      <c r="AP69" s="51">
        <v>0</v>
      </c>
      <c r="AQ69" s="51">
        <v>0</v>
      </c>
      <c r="AR69" s="51">
        <v>0</v>
      </c>
      <c r="AS69" s="51">
        <v>0</v>
      </c>
      <c r="AT69" s="51">
        <v>0</v>
      </c>
      <c r="AU69" s="51">
        <v>0</v>
      </c>
      <c r="AV69" s="51">
        <v>0</v>
      </c>
      <c r="AW69" s="51">
        <v>0</v>
      </c>
      <c r="AX69" s="51">
        <v>0</v>
      </c>
      <c r="AY69" s="51">
        <v>0</v>
      </c>
      <c r="AZ69" s="51">
        <v>0</v>
      </c>
      <c r="BA69" s="51">
        <v>0</v>
      </c>
      <c r="BB69" s="51">
        <v>0</v>
      </c>
      <c r="BC69" s="51">
        <v>0</v>
      </c>
      <c r="BD69" s="51">
        <v>0</v>
      </c>
      <c r="BE69" s="51">
        <v>0</v>
      </c>
      <c r="BF69" s="51">
        <v>0</v>
      </c>
      <c r="BG69" s="51">
        <v>0</v>
      </c>
      <c r="BH69" s="51">
        <v>0</v>
      </c>
      <c r="BI69" s="51">
        <v>0</v>
      </c>
      <c r="BJ69" s="51">
        <v>0</v>
      </c>
      <c r="BK69" s="51">
        <v>0</v>
      </c>
      <c r="BL69" s="51">
        <v>0</v>
      </c>
      <c r="BM69" s="51">
        <v>0</v>
      </c>
      <c r="BN69" s="50">
        <v>0</v>
      </c>
    </row>
    <row r="70" spans="1:66" ht="10" customHeight="1">
      <c r="A70" s="216" t="s">
        <v>178</v>
      </c>
      <c r="B70" s="209"/>
      <c r="C70" s="209"/>
      <c r="D70" s="209"/>
      <c r="E70" s="209"/>
      <c r="F70" s="210"/>
      <c r="G70" s="27"/>
      <c r="H70" s="27"/>
      <c r="I70" s="27"/>
      <c r="J70" s="27"/>
      <c r="K70" s="51">
        <v>0</v>
      </c>
      <c r="L70" s="51">
        <v>0</v>
      </c>
      <c r="M70" s="51">
        <v>0</v>
      </c>
      <c r="N70" s="51">
        <v>0</v>
      </c>
      <c r="O70" s="51">
        <v>0</v>
      </c>
      <c r="P70" s="51">
        <v>0</v>
      </c>
      <c r="Q70" s="51">
        <v>0</v>
      </c>
      <c r="R70" s="51">
        <v>0</v>
      </c>
      <c r="S70" s="51">
        <v>0</v>
      </c>
      <c r="T70" s="51">
        <v>0</v>
      </c>
      <c r="U70" s="51">
        <v>0</v>
      </c>
      <c r="V70" s="51">
        <v>0</v>
      </c>
      <c r="W70" s="51">
        <v>0</v>
      </c>
      <c r="X70" s="51">
        <v>0</v>
      </c>
      <c r="Y70" s="51">
        <v>0</v>
      </c>
      <c r="Z70" s="51">
        <v>0</v>
      </c>
      <c r="AA70" s="51">
        <v>0</v>
      </c>
      <c r="AB70" s="51">
        <v>0</v>
      </c>
      <c r="AC70" s="51">
        <v>0</v>
      </c>
      <c r="AD70" s="51">
        <v>0</v>
      </c>
      <c r="AE70" s="51">
        <v>0</v>
      </c>
      <c r="AF70" s="51">
        <v>0</v>
      </c>
      <c r="AG70" s="51">
        <v>0</v>
      </c>
      <c r="AH70" s="51">
        <v>0</v>
      </c>
      <c r="AI70" s="51">
        <v>0</v>
      </c>
      <c r="AJ70" s="51">
        <v>0</v>
      </c>
      <c r="AK70" s="51">
        <v>0</v>
      </c>
      <c r="AL70" s="51">
        <v>0</v>
      </c>
      <c r="AM70" s="51">
        <v>0</v>
      </c>
      <c r="AN70" s="51">
        <v>0</v>
      </c>
      <c r="AO70" s="51">
        <v>0</v>
      </c>
      <c r="AP70" s="51">
        <v>0</v>
      </c>
      <c r="AQ70" s="51">
        <v>0</v>
      </c>
      <c r="AR70" s="51">
        <v>0</v>
      </c>
      <c r="AS70" s="51">
        <v>0</v>
      </c>
      <c r="AT70" s="51">
        <v>0</v>
      </c>
      <c r="AU70" s="51">
        <v>0</v>
      </c>
      <c r="AV70" s="51">
        <v>0</v>
      </c>
      <c r="AW70" s="51">
        <v>0</v>
      </c>
      <c r="AX70" s="51">
        <v>0</v>
      </c>
      <c r="AY70" s="51">
        <v>0</v>
      </c>
      <c r="AZ70" s="51">
        <v>0</v>
      </c>
      <c r="BA70" s="51">
        <v>0</v>
      </c>
      <c r="BB70" s="51">
        <v>0</v>
      </c>
      <c r="BC70" s="51">
        <v>0</v>
      </c>
      <c r="BD70" s="51">
        <v>0</v>
      </c>
      <c r="BE70" s="51">
        <v>0</v>
      </c>
      <c r="BF70" s="51">
        <v>0</v>
      </c>
      <c r="BG70" s="51">
        <v>0</v>
      </c>
      <c r="BH70" s="51">
        <v>0</v>
      </c>
      <c r="BI70" s="51">
        <v>0</v>
      </c>
      <c r="BJ70" s="51">
        <v>0</v>
      </c>
      <c r="BK70" s="51">
        <v>0</v>
      </c>
      <c r="BL70" s="51">
        <v>0</v>
      </c>
      <c r="BM70" s="51">
        <v>0</v>
      </c>
      <c r="BN70" s="50">
        <v>0</v>
      </c>
    </row>
    <row r="71" spans="1:66" ht="10" customHeight="1">
      <c r="A71" s="216" t="s">
        <v>179</v>
      </c>
      <c r="B71" s="209"/>
      <c r="C71" s="209"/>
      <c r="D71" s="209"/>
      <c r="E71" s="209"/>
      <c r="F71" s="210"/>
      <c r="G71" s="27"/>
      <c r="H71" s="27"/>
      <c r="I71" s="27"/>
      <c r="J71" s="27"/>
      <c r="K71" s="51">
        <v>4197848</v>
      </c>
      <c r="L71" s="51">
        <v>455788</v>
      </c>
      <c r="M71" s="51">
        <v>574383</v>
      </c>
      <c r="N71" s="51">
        <v>1855818</v>
      </c>
      <c r="O71" s="51">
        <v>160818</v>
      </c>
      <c r="P71" s="51">
        <v>221881</v>
      </c>
      <c r="Q71" s="51">
        <v>0</v>
      </c>
      <c r="R71" s="51">
        <v>238415</v>
      </c>
      <c r="S71" s="51">
        <v>0</v>
      </c>
      <c r="T71" s="51">
        <v>0</v>
      </c>
      <c r="U71" s="51">
        <v>13058</v>
      </c>
      <c r="V71" s="51">
        <v>219230</v>
      </c>
      <c r="W71" s="51">
        <v>102317</v>
      </c>
      <c r="X71" s="51">
        <v>87269</v>
      </c>
      <c r="Y71" s="51">
        <v>90908</v>
      </c>
      <c r="Z71" s="51">
        <v>311764</v>
      </c>
      <c r="AA71" s="51">
        <v>93424</v>
      </c>
      <c r="AB71" s="51">
        <v>96854</v>
      </c>
      <c r="AC71" s="51">
        <v>133272</v>
      </c>
      <c r="AD71" s="51">
        <v>221615</v>
      </c>
      <c r="AE71" s="51">
        <v>480534</v>
      </c>
      <c r="AF71" s="51">
        <v>49399</v>
      </c>
      <c r="AG71" s="51">
        <v>91008</v>
      </c>
      <c r="AH71" s="51">
        <v>73459</v>
      </c>
      <c r="AI71" s="51">
        <v>486187</v>
      </c>
      <c r="AJ71" s="51">
        <v>253431</v>
      </c>
      <c r="AK71" s="51">
        <v>241863</v>
      </c>
      <c r="AL71" s="51">
        <v>322290</v>
      </c>
      <c r="AM71" s="51">
        <v>69292</v>
      </c>
      <c r="AN71" s="51">
        <v>13888</v>
      </c>
      <c r="AO71" s="51">
        <v>0</v>
      </c>
      <c r="AP71" s="51">
        <v>142246</v>
      </c>
      <c r="AQ71" s="51">
        <v>288638</v>
      </c>
      <c r="AR71" s="51">
        <v>173500</v>
      </c>
      <c r="AS71" s="51">
        <v>74639</v>
      </c>
      <c r="AT71" s="51">
        <v>127</v>
      </c>
      <c r="AU71" s="51">
        <v>120990</v>
      </c>
      <c r="AV71" s="51">
        <v>19744</v>
      </c>
      <c r="AW71" s="51">
        <v>1991</v>
      </c>
      <c r="AX71" s="51">
        <v>55368</v>
      </c>
      <c r="AY71" s="51">
        <v>27324</v>
      </c>
      <c r="AZ71" s="51">
        <v>0</v>
      </c>
      <c r="BA71" s="51">
        <v>61555</v>
      </c>
      <c r="BB71" s="51">
        <v>0</v>
      </c>
      <c r="BC71" s="51">
        <v>54768</v>
      </c>
      <c r="BD71" s="51">
        <v>29261</v>
      </c>
      <c r="BE71" s="51">
        <v>8444</v>
      </c>
      <c r="BF71" s="51">
        <v>123413</v>
      </c>
      <c r="BG71" s="51">
        <v>61256</v>
      </c>
      <c r="BH71" s="51">
        <v>82795</v>
      </c>
      <c r="BI71" s="51">
        <v>0</v>
      </c>
      <c r="BJ71" s="51">
        <v>889621</v>
      </c>
      <c r="BK71" s="51">
        <v>150935</v>
      </c>
      <c r="BL71" s="51">
        <v>53057</v>
      </c>
      <c r="BM71" s="51">
        <v>0</v>
      </c>
      <c r="BN71" s="50">
        <v>13575685</v>
      </c>
    </row>
    <row r="72" spans="1:66" ht="10" customHeight="1">
      <c r="A72" s="244" t="s">
        <v>579</v>
      </c>
      <c r="B72" s="245"/>
      <c r="C72" s="245"/>
      <c r="D72" s="245"/>
      <c r="E72" s="245"/>
      <c r="F72" s="242"/>
      <c r="G72" s="45"/>
      <c r="H72" s="45"/>
      <c r="I72" s="45"/>
      <c r="J72" s="45"/>
      <c r="K72" s="80">
        <v>0</v>
      </c>
      <c r="L72" s="80">
        <v>0</v>
      </c>
      <c r="M72" s="80">
        <v>0</v>
      </c>
      <c r="N72" s="80">
        <v>0</v>
      </c>
      <c r="O72" s="80">
        <v>0</v>
      </c>
      <c r="P72" s="80">
        <v>0</v>
      </c>
      <c r="Q72" s="80">
        <v>32160</v>
      </c>
      <c r="R72" s="80">
        <v>0</v>
      </c>
      <c r="S72" s="80">
        <v>20844</v>
      </c>
      <c r="T72" s="80">
        <v>9115</v>
      </c>
      <c r="U72" s="80">
        <v>0</v>
      </c>
      <c r="V72" s="80">
        <v>0</v>
      </c>
      <c r="W72" s="80">
        <v>0</v>
      </c>
      <c r="X72" s="80">
        <v>0</v>
      </c>
      <c r="Y72" s="80">
        <v>0</v>
      </c>
      <c r="Z72" s="80">
        <v>0</v>
      </c>
      <c r="AA72" s="80">
        <v>0</v>
      </c>
      <c r="AB72" s="80">
        <v>0</v>
      </c>
      <c r="AC72" s="80">
        <v>0</v>
      </c>
      <c r="AD72" s="80">
        <v>0</v>
      </c>
      <c r="AE72" s="80">
        <v>0</v>
      </c>
      <c r="AF72" s="80">
        <v>0</v>
      </c>
      <c r="AG72" s="80">
        <v>0</v>
      </c>
      <c r="AH72" s="80">
        <v>0</v>
      </c>
      <c r="AI72" s="80">
        <v>0</v>
      </c>
      <c r="AJ72" s="80">
        <v>0</v>
      </c>
      <c r="AK72" s="80">
        <v>0</v>
      </c>
      <c r="AL72" s="80">
        <v>0</v>
      </c>
      <c r="AM72" s="80">
        <v>0</v>
      </c>
      <c r="AN72" s="80">
        <v>0</v>
      </c>
      <c r="AO72" s="80">
        <v>14546</v>
      </c>
      <c r="AP72" s="80">
        <v>0</v>
      </c>
      <c r="AQ72" s="80">
        <v>0</v>
      </c>
      <c r="AR72" s="80">
        <v>0</v>
      </c>
      <c r="AS72" s="80">
        <v>0</v>
      </c>
      <c r="AT72" s="80">
        <v>0</v>
      </c>
      <c r="AU72" s="80">
        <v>0</v>
      </c>
      <c r="AV72" s="80">
        <v>0</v>
      </c>
      <c r="AW72" s="80">
        <v>0</v>
      </c>
      <c r="AX72" s="80">
        <v>0</v>
      </c>
      <c r="AY72" s="80">
        <v>0</v>
      </c>
      <c r="AZ72" s="80">
        <v>15402</v>
      </c>
      <c r="BA72" s="80">
        <v>0</v>
      </c>
      <c r="BB72" s="80">
        <v>18019</v>
      </c>
      <c r="BC72" s="80">
        <v>0</v>
      </c>
      <c r="BD72" s="80">
        <v>0</v>
      </c>
      <c r="BE72" s="80">
        <v>0</v>
      </c>
      <c r="BF72" s="80">
        <v>0</v>
      </c>
      <c r="BG72" s="80">
        <v>0</v>
      </c>
      <c r="BH72" s="80">
        <v>0</v>
      </c>
      <c r="BI72" s="80">
        <v>13420</v>
      </c>
      <c r="BJ72" s="80">
        <v>0</v>
      </c>
      <c r="BK72" s="80">
        <v>0</v>
      </c>
      <c r="BL72" s="80">
        <v>0</v>
      </c>
      <c r="BM72" s="80">
        <v>27985</v>
      </c>
      <c r="BN72" s="81">
        <v>151491</v>
      </c>
    </row>
  </sheetData>
  <mergeCells count="72">
    <mergeCell ref="C43:F43"/>
    <mergeCell ref="B66:F66"/>
    <mergeCell ref="C35:F35"/>
    <mergeCell ref="C36:F36"/>
    <mergeCell ref="C37:F37"/>
    <mergeCell ref="C39:F39"/>
    <mergeCell ref="B41:F41"/>
    <mergeCell ref="C46:F46"/>
    <mergeCell ref="C47:F47"/>
    <mergeCell ref="C48:F48"/>
    <mergeCell ref="C49:F49"/>
    <mergeCell ref="C16:F16"/>
    <mergeCell ref="C22:F22"/>
    <mergeCell ref="C25:F25"/>
    <mergeCell ref="B20:F20"/>
    <mergeCell ref="C18:F18"/>
    <mergeCell ref="A1:F2"/>
    <mergeCell ref="A72:F72"/>
    <mergeCell ref="C57:F57"/>
    <mergeCell ref="D58:F58"/>
    <mergeCell ref="D59:F59"/>
    <mergeCell ref="D60:F60"/>
    <mergeCell ref="D61:F61"/>
    <mergeCell ref="D62:D65"/>
    <mergeCell ref="E64:E65"/>
    <mergeCell ref="B67:F67"/>
    <mergeCell ref="A68:F68"/>
    <mergeCell ref="A69:F69"/>
    <mergeCell ref="A70:F70"/>
    <mergeCell ref="A71:F71"/>
    <mergeCell ref="D56:F56"/>
    <mergeCell ref="C38:F38"/>
    <mergeCell ref="A45:A67"/>
    <mergeCell ref="B45:F45"/>
    <mergeCell ref="B50:F50"/>
    <mergeCell ref="C51:F51"/>
    <mergeCell ref="D52:F52"/>
    <mergeCell ref="D53:F53"/>
    <mergeCell ref="D54:F54"/>
    <mergeCell ref="D55:F55"/>
    <mergeCell ref="A21:A44"/>
    <mergeCell ref="B21:F21"/>
    <mergeCell ref="C23:F23"/>
    <mergeCell ref="C24:F24"/>
    <mergeCell ref="C27:F27"/>
    <mergeCell ref="C28:F28"/>
    <mergeCell ref="B30:F30"/>
    <mergeCell ref="C31:F31"/>
    <mergeCell ref="C40:F40"/>
    <mergeCell ref="B44:F44"/>
    <mergeCell ref="C26:F26"/>
    <mergeCell ref="C29:F29"/>
    <mergeCell ref="C32:F32"/>
    <mergeCell ref="C33:F33"/>
    <mergeCell ref="C34:F34"/>
    <mergeCell ref="C42:F42"/>
    <mergeCell ref="A3:A20"/>
    <mergeCell ref="B3:F3"/>
    <mergeCell ref="C4:F4"/>
    <mergeCell ref="D5:F5"/>
    <mergeCell ref="D6:F6"/>
    <mergeCell ref="D8:F8"/>
    <mergeCell ref="D10:F10"/>
    <mergeCell ref="C11:F11"/>
    <mergeCell ref="C12:F12"/>
    <mergeCell ref="B13:F13"/>
    <mergeCell ref="C14:F14"/>
    <mergeCell ref="C15:F15"/>
    <mergeCell ref="C17:F17"/>
    <mergeCell ref="B19:F19"/>
    <mergeCell ref="D7:F7"/>
    <mergeCell ref="D9:F9"/>
  </mergeCells>
  <phoneticPr fontId="3"/>
  <conditionalFormatting sqref="K3:BM72">
    <cfRule type="cellIs" dxfId="3" priority="59" stopIfTrue="1" operator="equal">
      <formula>0</formula>
    </cfRule>
  </conditionalFormatting>
  <conditionalFormatting sqref="BN1:BN1048576">
    <cfRule type="cellIs" dxfId="2" priority="1" operator="equal">
      <formula>0</formula>
    </cfRule>
  </conditionalFormatting>
  <pageMargins left="0.78740157480314965" right="0.78740157480314965" top="1.1417322834645669" bottom="0.78740157480314965" header="0.51181102362204722" footer="0.51181102362204722"/>
  <pageSetup paperSize="9" firstPageNumber="116" fitToWidth="10" orientation="portrait" useFirstPageNumber="1" r:id="rId1"/>
  <headerFooter>
    <oddHeader>&amp;L&amp;"ＭＳ ゴシック,標準"Ⅳ　令和６年度地方公営企業事業別決算状況
　１　水道事業（法適用事業）&amp;R&amp;"ＭＳ ゴシック,標準"
&amp;A</oddHeader>
    <oddFooter xml:space="preserve">&amp;C&amp;"ＭＳ ゴシック,標準"&amp;9 &amp;P </oddFooter>
  </headerFooter>
  <colBreaks count="9" manualBreakCount="9">
    <brk id="15" max="1048575" man="1"/>
    <brk id="20" max="71" man="1"/>
    <brk id="25" max="71" man="1"/>
    <brk id="30" max="71" man="1"/>
    <brk id="35" max="71" man="1"/>
    <brk id="45" max="1048575" man="1"/>
    <brk id="50" max="71" man="1"/>
    <brk id="55" max="1048575" man="1"/>
    <brk id="60" max="71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4"/>
  <dimension ref="A1:BO56"/>
  <sheetViews>
    <sheetView view="pageBreakPreview" zoomScaleNormal="115" zoomScaleSheetLayoutView="100" workbookViewId="0">
      <selection sqref="A1:E2"/>
    </sheetView>
  </sheetViews>
  <sheetFormatPr defaultColWidth="9.58203125" defaultRowHeight="10" customHeight="1"/>
  <cols>
    <col min="1" max="4" width="1.58203125" style="18" customWidth="1"/>
    <col min="5" max="5" width="17" style="18" customWidth="1"/>
    <col min="6" max="10" width="9.58203125" style="18" hidden="1" customWidth="1"/>
    <col min="11" max="66" width="9.58203125" style="18" customWidth="1"/>
    <col min="67" max="67" width="9.58203125" style="83" customWidth="1"/>
    <col min="68" max="68" width="9.58203125" style="18" customWidth="1"/>
    <col min="69" max="16384" width="9.58203125" style="18"/>
  </cols>
  <sheetData>
    <row r="1" spans="1:66" ht="10" customHeight="1">
      <c r="A1" s="199" t="s">
        <v>242</v>
      </c>
      <c r="B1" s="200"/>
      <c r="C1" s="200"/>
      <c r="D1" s="200"/>
      <c r="E1" s="201"/>
      <c r="F1" s="1"/>
      <c r="G1" s="1"/>
      <c r="H1" s="1"/>
      <c r="I1" s="1"/>
      <c r="J1" s="1"/>
      <c r="K1" s="24" t="s">
        <v>41</v>
      </c>
      <c r="L1" s="24" t="s">
        <v>42</v>
      </c>
      <c r="M1" s="24" t="s">
        <v>43</v>
      </c>
      <c r="N1" s="24" t="s">
        <v>44</v>
      </c>
      <c r="O1" s="24" t="s">
        <v>45</v>
      </c>
      <c r="P1" s="24" t="s">
        <v>46</v>
      </c>
      <c r="Q1" s="24" t="s">
        <v>47</v>
      </c>
      <c r="R1" s="24" t="s">
        <v>48</v>
      </c>
      <c r="S1" s="24" t="s">
        <v>49</v>
      </c>
      <c r="T1" s="24" t="s">
        <v>50</v>
      </c>
      <c r="U1" s="24" t="s">
        <v>51</v>
      </c>
      <c r="V1" s="24" t="s">
        <v>52</v>
      </c>
      <c r="W1" s="24" t="s">
        <v>53</v>
      </c>
      <c r="X1" s="24" t="s">
        <v>54</v>
      </c>
      <c r="Y1" s="24" t="s">
        <v>55</v>
      </c>
      <c r="Z1" s="24" t="s">
        <v>56</v>
      </c>
      <c r="AA1" s="24" t="s">
        <v>57</v>
      </c>
      <c r="AB1" s="24" t="s">
        <v>58</v>
      </c>
      <c r="AC1" s="24" t="s">
        <v>59</v>
      </c>
      <c r="AD1" s="24" t="s">
        <v>60</v>
      </c>
      <c r="AE1" s="24" t="s">
        <v>61</v>
      </c>
      <c r="AF1" s="24" t="s">
        <v>62</v>
      </c>
      <c r="AG1" s="24" t="s">
        <v>63</v>
      </c>
      <c r="AH1" s="24" t="s">
        <v>64</v>
      </c>
      <c r="AI1" s="24" t="s">
        <v>65</v>
      </c>
      <c r="AJ1" s="24" t="s">
        <v>66</v>
      </c>
      <c r="AK1" s="24" t="s">
        <v>67</v>
      </c>
      <c r="AL1" s="24" t="s">
        <v>68</v>
      </c>
      <c r="AM1" s="24" t="s">
        <v>69</v>
      </c>
      <c r="AN1" s="24" t="s">
        <v>70</v>
      </c>
      <c r="AO1" s="24" t="s">
        <v>71</v>
      </c>
      <c r="AP1" s="24" t="s">
        <v>72</v>
      </c>
      <c r="AQ1" s="24" t="s">
        <v>73</v>
      </c>
      <c r="AR1" s="24" t="s">
        <v>74</v>
      </c>
      <c r="AS1" s="24" t="s">
        <v>75</v>
      </c>
      <c r="AT1" s="24" t="s">
        <v>76</v>
      </c>
      <c r="AU1" s="24" t="s">
        <v>77</v>
      </c>
      <c r="AV1" s="24" t="s">
        <v>78</v>
      </c>
      <c r="AW1" s="24" t="s">
        <v>79</v>
      </c>
      <c r="AX1" s="24" t="s">
        <v>80</v>
      </c>
      <c r="AY1" s="24" t="s">
        <v>81</v>
      </c>
      <c r="AZ1" s="24" t="s">
        <v>82</v>
      </c>
      <c r="BA1" s="24" t="s">
        <v>83</v>
      </c>
      <c r="BB1" s="24" t="s">
        <v>84</v>
      </c>
      <c r="BC1" s="24" t="s">
        <v>85</v>
      </c>
      <c r="BD1" s="24" t="s">
        <v>86</v>
      </c>
      <c r="BE1" s="24" t="s">
        <v>87</v>
      </c>
      <c r="BF1" s="24" t="s">
        <v>88</v>
      </c>
      <c r="BG1" s="24" t="s">
        <v>89</v>
      </c>
      <c r="BH1" s="24" t="s">
        <v>90</v>
      </c>
      <c r="BI1" s="24" t="s">
        <v>91</v>
      </c>
      <c r="BJ1" s="2" t="s">
        <v>546</v>
      </c>
      <c r="BK1" s="2" t="s">
        <v>548</v>
      </c>
      <c r="BL1" s="2" t="s">
        <v>549</v>
      </c>
      <c r="BM1" s="2" t="s">
        <v>563</v>
      </c>
      <c r="BN1" s="24" t="s">
        <v>24</v>
      </c>
    </row>
    <row r="2" spans="1:66" ht="10" customHeight="1">
      <c r="A2" s="202"/>
      <c r="B2" s="203"/>
      <c r="C2" s="203"/>
      <c r="D2" s="203"/>
      <c r="E2" s="204"/>
      <c r="F2" s="3"/>
      <c r="G2" s="3"/>
      <c r="H2" s="3"/>
      <c r="I2" s="3"/>
      <c r="J2" s="3"/>
      <c r="K2" s="25" t="s">
        <v>40</v>
      </c>
      <c r="L2" s="25" t="s">
        <v>40</v>
      </c>
      <c r="M2" s="25" t="s">
        <v>40</v>
      </c>
      <c r="N2" s="25" t="s">
        <v>40</v>
      </c>
      <c r="O2" s="25" t="s">
        <v>40</v>
      </c>
      <c r="P2" s="25" t="s">
        <v>40</v>
      </c>
      <c r="Q2" s="25" t="s">
        <v>40</v>
      </c>
      <c r="R2" s="25" t="s">
        <v>40</v>
      </c>
      <c r="S2" s="25" t="s">
        <v>40</v>
      </c>
      <c r="T2" s="25" t="s">
        <v>40</v>
      </c>
      <c r="U2" s="25" t="s">
        <v>40</v>
      </c>
      <c r="V2" s="25" t="s">
        <v>40</v>
      </c>
      <c r="W2" s="25" t="s">
        <v>40</v>
      </c>
      <c r="X2" s="25" t="s">
        <v>40</v>
      </c>
      <c r="Y2" s="25" t="s">
        <v>40</v>
      </c>
      <c r="Z2" s="25" t="s">
        <v>40</v>
      </c>
      <c r="AA2" s="25" t="s">
        <v>40</v>
      </c>
      <c r="AB2" s="25" t="s">
        <v>40</v>
      </c>
      <c r="AC2" s="25" t="s">
        <v>40</v>
      </c>
      <c r="AD2" s="25" t="s">
        <v>40</v>
      </c>
      <c r="AE2" s="25" t="s">
        <v>40</v>
      </c>
      <c r="AF2" s="25" t="s">
        <v>40</v>
      </c>
      <c r="AG2" s="25" t="s">
        <v>40</v>
      </c>
      <c r="AH2" s="25" t="s">
        <v>40</v>
      </c>
      <c r="AI2" s="25" t="s">
        <v>40</v>
      </c>
      <c r="AJ2" s="25" t="s">
        <v>40</v>
      </c>
      <c r="AK2" s="25" t="s">
        <v>40</v>
      </c>
      <c r="AL2" s="25" t="s">
        <v>40</v>
      </c>
      <c r="AM2" s="25" t="s">
        <v>40</v>
      </c>
      <c r="AN2" s="25" t="s">
        <v>40</v>
      </c>
      <c r="AO2" s="25" t="s">
        <v>40</v>
      </c>
      <c r="AP2" s="25" t="s">
        <v>40</v>
      </c>
      <c r="AQ2" s="25" t="s">
        <v>40</v>
      </c>
      <c r="AR2" s="25" t="s">
        <v>40</v>
      </c>
      <c r="AS2" s="25" t="s">
        <v>40</v>
      </c>
      <c r="AT2" s="25" t="s">
        <v>40</v>
      </c>
      <c r="AU2" s="25" t="s">
        <v>40</v>
      </c>
      <c r="AV2" s="25" t="s">
        <v>40</v>
      </c>
      <c r="AW2" s="25" t="s">
        <v>40</v>
      </c>
      <c r="AX2" s="25" t="s">
        <v>40</v>
      </c>
      <c r="AY2" s="25" t="s">
        <v>40</v>
      </c>
      <c r="AZ2" s="25" t="s">
        <v>40</v>
      </c>
      <c r="BA2" s="25" t="s">
        <v>40</v>
      </c>
      <c r="BB2" s="25" t="s">
        <v>40</v>
      </c>
      <c r="BC2" s="25" t="s">
        <v>40</v>
      </c>
      <c r="BD2" s="25" t="s">
        <v>40</v>
      </c>
      <c r="BE2" s="25" t="s">
        <v>40</v>
      </c>
      <c r="BF2" s="25" t="s">
        <v>40</v>
      </c>
      <c r="BG2" s="25" t="s">
        <v>40</v>
      </c>
      <c r="BH2" s="25" t="s">
        <v>40</v>
      </c>
      <c r="BI2" s="25" t="s">
        <v>40</v>
      </c>
      <c r="BJ2" s="4" t="s">
        <v>547</v>
      </c>
      <c r="BK2" s="4" t="s">
        <v>547</v>
      </c>
      <c r="BL2" s="4" t="s">
        <v>550</v>
      </c>
      <c r="BM2" s="4" t="s">
        <v>564</v>
      </c>
      <c r="BN2" s="66"/>
    </row>
    <row r="3" spans="1:66" ht="10" customHeight="1">
      <c r="A3" s="247" t="s">
        <v>199</v>
      </c>
      <c r="B3" s="248" t="s">
        <v>200</v>
      </c>
      <c r="C3" s="233"/>
      <c r="D3" s="233"/>
      <c r="E3" s="234"/>
      <c r="F3" s="30"/>
      <c r="G3" s="30"/>
      <c r="H3" s="30"/>
      <c r="I3" s="30"/>
      <c r="J3" s="30"/>
      <c r="K3" s="49">
        <v>6905000</v>
      </c>
      <c r="L3" s="49">
        <v>800000</v>
      </c>
      <c r="M3" s="49">
        <v>1051500</v>
      </c>
      <c r="N3" s="49">
        <v>1522200</v>
      </c>
      <c r="O3" s="49">
        <v>360000</v>
      </c>
      <c r="P3" s="49">
        <v>1103000</v>
      </c>
      <c r="Q3" s="49">
        <v>179000</v>
      </c>
      <c r="R3" s="49">
        <v>326500</v>
      </c>
      <c r="S3" s="49">
        <v>278400</v>
      </c>
      <c r="T3" s="49">
        <v>0</v>
      </c>
      <c r="U3" s="49">
        <v>545700</v>
      </c>
      <c r="V3" s="49">
        <v>14500</v>
      </c>
      <c r="W3" s="49">
        <v>150000</v>
      </c>
      <c r="X3" s="49">
        <v>268600</v>
      </c>
      <c r="Y3" s="49">
        <v>465000</v>
      </c>
      <c r="Z3" s="49">
        <v>410100</v>
      </c>
      <c r="AA3" s="49">
        <v>269700</v>
      </c>
      <c r="AB3" s="49">
        <v>139800</v>
      </c>
      <c r="AC3" s="49">
        <v>22200</v>
      </c>
      <c r="AD3" s="49">
        <v>290300</v>
      </c>
      <c r="AE3" s="49">
        <v>670000</v>
      </c>
      <c r="AF3" s="49">
        <v>0</v>
      </c>
      <c r="AG3" s="49">
        <v>0</v>
      </c>
      <c r="AH3" s="49">
        <v>400000</v>
      </c>
      <c r="AI3" s="49">
        <v>0</v>
      </c>
      <c r="AJ3" s="49">
        <v>180000</v>
      </c>
      <c r="AK3" s="49">
        <v>0</v>
      </c>
      <c r="AL3" s="49">
        <v>415000</v>
      </c>
      <c r="AM3" s="49">
        <v>82000</v>
      </c>
      <c r="AN3" s="49">
        <v>169500</v>
      </c>
      <c r="AO3" s="49">
        <v>358500</v>
      </c>
      <c r="AP3" s="49">
        <v>191700</v>
      </c>
      <c r="AQ3" s="49">
        <v>140500</v>
      </c>
      <c r="AR3" s="49">
        <v>619900</v>
      </c>
      <c r="AS3" s="49">
        <v>0</v>
      </c>
      <c r="AT3" s="49">
        <v>199700</v>
      </c>
      <c r="AU3" s="49">
        <v>77200</v>
      </c>
      <c r="AV3" s="49">
        <v>16000</v>
      </c>
      <c r="AW3" s="49">
        <v>220000</v>
      </c>
      <c r="AX3" s="49">
        <v>342000</v>
      </c>
      <c r="AY3" s="49">
        <v>0</v>
      </c>
      <c r="AZ3" s="49">
        <v>69200</v>
      </c>
      <c r="BA3" s="49">
        <v>61400</v>
      </c>
      <c r="BB3" s="49">
        <v>30000</v>
      </c>
      <c r="BC3" s="49">
        <v>45000</v>
      </c>
      <c r="BD3" s="49">
        <v>529400</v>
      </c>
      <c r="BE3" s="49">
        <v>0</v>
      </c>
      <c r="BF3" s="49">
        <v>271900</v>
      </c>
      <c r="BG3" s="49">
        <v>250000</v>
      </c>
      <c r="BH3" s="49">
        <v>662900</v>
      </c>
      <c r="BI3" s="49">
        <v>251700</v>
      </c>
      <c r="BJ3" s="49">
        <v>986000</v>
      </c>
      <c r="BK3" s="49">
        <v>0</v>
      </c>
      <c r="BL3" s="49">
        <v>0</v>
      </c>
      <c r="BM3" s="49">
        <v>800000</v>
      </c>
      <c r="BN3" s="57">
        <v>23141000</v>
      </c>
    </row>
    <row r="4" spans="1:66" ht="10" customHeight="1">
      <c r="A4" s="206"/>
      <c r="B4" s="31"/>
      <c r="C4" s="217" t="s">
        <v>201</v>
      </c>
      <c r="D4" s="209"/>
      <c r="E4" s="210"/>
      <c r="F4" s="12"/>
      <c r="G4" s="12"/>
      <c r="H4" s="12"/>
      <c r="I4" s="12"/>
      <c r="J4" s="12"/>
      <c r="K4" s="51">
        <v>6905000</v>
      </c>
      <c r="L4" s="51">
        <v>800000</v>
      </c>
      <c r="M4" s="51">
        <v>1051500</v>
      </c>
      <c r="N4" s="51">
        <v>1522200</v>
      </c>
      <c r="O4" s="51">
        <v>360000</v>
      </c>
      <c r="P4" s="51">
        <v>1103000</v>
      </c>
      <c r="Q4" s="51">
        <v>179000</v>
      </c>
      <c r="R4" s="51">
        <v>326500</v>
      </c>
      <c r="S4" s="51">
        <v>278400</v>
      </c>
      <c r="T4" s="51">
        <v>0</v>
      </c>
      <c r="U4" s="51">
        <v>545700</v>
      </c>
      <c r="V4" s="51">
        <v>14500</v>
      </c>
      <c r="W4" s="51">
        <v>150000</v>
      </c>
      <c r="X4" s="51">
        <v>268600</v>
      </c>
      <c r="Y4" s="51">
        <v>465000</v>
      </c>
      <c r="Z4" s="51">
        <v>410100</v>
      </c>
      <c r="AA4" s="51">
        <v>269700</v>
      </c>
      <c r="AB4" s="51">
        <v>139800</v>
      </c>
      <c r="AC4" s="51">
        <v>22200</v>
      </c>
      <c r="AD4" s="51">
        <v>290300</v>
      </c>
      <c r="AE4" s="51">
        <v>670000</v>
      </c>
      <c r="AF4" s="51">
        <v>0</v>
      </c>
      <c r="AG4" s="51">
        <v>0</v>
      </c>
      <c r="AH4" s="51">
        <v>400000</v>
      </c>
      <c r="AI4" s="51">
        <v>0</v>
      </c>
      <c r="AJ4" s="51">
        <v>180000</v>
      </c>
      <c r="AK4" s="51">
        <v>0</v>
      </c>
      <c r="AL4" s="51">
        <v>415000</v>
      </c>
      <c r="AM4" s="51">
        <v>82000</v>
      </c>
      <c r="AN4" s="51">
        <v>169500</v>
      </c>
      <c r="AO4" s="51">
        <v>358500</v>
      </c>
      <c r="AP4" s="51">
        <v>191700</v>
      </c>
      <c r="AQ4" s="51">
        <v>140500</v>
      </c>
      <c r="AR4" s="51">
        <v>619900</v>
      </c>
      <c r="AS4" s="51">
        <v>0</v>
      </c>
      <c r="AT4" s="51">
        <v>199700</v>
      </c>
      <c r="AU4" s="51">
        <v>77200</v>
      </c>
      <c r="AV4" s="51">
        <v>16000</v>
      </c>
      <c r="AW4" s="51">
        <v>220000</v>
      </c>
      <c r="AX4" s="51">
        <v>342000</v>
      </c>
      <c r="AY4" s="51">
        <v>0</v>
      </c>
      <c r="AZ4" s="51">
        <v>69200</v>
      </c>
      <c r="BA4" s="51">
        <v>61400</v>
      </c>
      <c r="BB4" s="51">
        <v>30000</v>
      </c>
      <c r="BC4" s="51">
        <v>45000</v>
      </c>
      <c r="BD4" s="51">
        <v>529400</v>
      </c>
      <c r="BE4" s="51">
        <v>0</v>
      </c>
      <c r="BF4" s="51">
        <v>271900</v>
      </c>
      <c r="BG4" s="51">
        <v>250000</v>
      </c>
      <c r="BH4" s="51">
        <v>662900</v>
      </c>
      <c r="BI4" s="51">
        <v>251700</v>
      </c>
      <c r="BJ4" s="51">
        <v>986000</v>
      </c>
      <c r="BK4" s="51">
        <v>0</v>
      </c>
      <c r="BL4" s="51">
        <v>0</v>
      </c>
      <c r="BM4" s="51">
        <v>800000</v>
      </c>
      <c r="BN4" s="50">
        <v>23141000</v>
      </c>
    </row>
    <row r="5" spans="1:66" ht="10" customHeight="1">
      <c r="A5" s="206"/>
      <c r="B5" s="32"/>
      <c r="C5" s="217" t="s">
        <v>26</v>
      </c>
      <c r="D5" s="209"/>
      <c r="E5" s="210"/>
      <c r="F5" s="12"/>
      <c r="G5" s="12"/>
      <c r="H5" s="12"/>
      <c r="I5" s="12"/>
      <c r="J5" s="12"/>
      <c r="K5" s="51">
        <v>0</v>
      </c>
      <c r="L5" s="51">
        <v>0</v>
      </c>
      <c r="M5" s="51">
        <v>0</v>
      </c>
      <c r="N5" s="51">
        <v>0</v>
      </c>
      <c r="O5" s="51">
        <v>0</v>
      </c>
      <c r="P5" s="51">
        <v>0</v>
      </c>
      <c r="Q5" s="51">
        <v>0</v>
      </c>
      <c r="R5" s="51">
        <v>0</v>
      </c>
      <c r="S5" s="51">
        <v>0</v>
      </c>
      <c r="T5" s="51">
        <v>0</v>
      </c>
      <c r="U5" s="51">
        <v>0</v>
      </c>
      <c r="V5" s="51">
        <v>0</v>
      </c>
      <c r="W5" s="51">
        <v>0</v>
      </c>
      <c r="X5" s="51">
        <v>0</v>
      </c>
      <c r="Y5" s="51">
        <v>0</v>
      </c>
      <c r="Z5" s="51">
        <v>0</v>
      </c>
      <c r="AA5" s="51">
        <v>0</v>
      </c>
      <c r="AB5" s="51">
        <v>0</v>
      </c>
      <c r="AC5" s="51">
        <v>0</v>
      </c>
      <c r="AD5" s="51">
        <v>0</v>
      </c>
      <c r="AE5" s="51">
        <v>0</v>
      </c>
      <c r="AF5" s="51">
        <v>0</v>
      </c>
      <c r="AG5" s="51">
        <v>0</v>
      </c>
      <c r="AH5" s="51">
        <v>0</v>
      </c>
      <c r="AI5" s="51">
        <v>0</v>
      </c>
      <c r="AJ5" s="51">
        <v>0</v>
      </c>
      <c r="AK5" s="51">
        <v>0</v>
      </c>
      <c r="AL5" s="51">
        <v>0</v>
      </c>
      <c r="AM5" s="51">
        <v>0</v>
      </c>
      <c r="AN5" s="51">
        <v>0</v>
      </c>
      <c r="AO5" s="51">
        <v>0</v>
      </c>
      <c r="AP5" s="51">
        <v>0</v>
      </c>
      <c r="AQ5" s="51">
        <v>0</v>
      </c>
      <c r="AR5" s="51">
        <v>0</v>
      </c>
      <c r="AS5" s="51">
        <v>0</v>
      </c>
      <c r="AT5" s="51">
        <v>0</v>
      </c>
      <c r="AU5" s="51">
        <v>0</v>
      </c>
      <c r="AV5" s="51">
        <v>0</v>
      </c>
      <c r="AW5" s="51">
        <v>0</v>
      </c>
      <c r="AX5" s="51">
        <v>0</v>
      </c>
      <c r="AY5" s="51">
        <v>0</v>
      </c>
      <c r="AZ5" s="51">
        <v>0</v>
      </c>
      <c r="BA5" s="51">
        <v>0</v>
      </c>
      <c r="BB5" s="51">
        <v>0</v>
      </c>
      <c r="BC5" s="51">
        <v>0</v>
      </c>
      <c r="BD5" s="51">
        <v>0</v>
      </c>
      <c r="BE5" s="51">
        <v>0</v>
      </c>
      <c r="BF5" s="51">
        <v>0</v>
      </c>
      <c r="BG5" s="51">
        <v>0</v>
      </c>
      <c r="BH5" s="51">
        <v>0</v>
      </c>
      <c r="BI5" s="51">
        <v>0</v>
      </c>
      <c r="BJ5" s="51">
        <v>0</v>
      </c>
      <c r="BK5" s="51">
        <v>0</v>
      </c>
      <c r="BL5" s="51">
        <v>0</v>
      </c>
      <c r="BM5" s="51">
        <v>0</v>
      </c>
      <c r="BN5" s="50">
        <v>0</v>
      </c>
    </row>
    <row r="6" spans="1:66" ht="10" customHeight="1">
      <c r="A6" s="206"/>
      <c r="B6" s="217" t="s">
        <v>202</v>
      </c>
      <c r="C6" s="209"/>
      <c r="D6" s="209"/>
      <c r="E6" s="210"/>
      <c r="F6" s="5"/>
      <c r="G6" s="5"/>
      <c r="H6" s="5"/>
      <c r="I6" s="5"/>
      <c r="J6" s="5"/>
      <c r="K6" s="51">
        <v>0</v>
      </c>
      <c r="L6" s="51">
        <v>0</v>
      </c>
      <c r="M6" s="51">
        <v>0</v>
      </c>
      <c r="N6" s="51">
        <v>0</v>
      </c>
      <c r="O6" s="51">
        <v>0</v>
      </c>
      <c r="P6" s="51">
        <v>0</v>
      </c>
      <c r="Q6" s="51">
        <v>0</v>
      </c>
      <c r="R6" s="51">
        <v>0</v>
      </c>
      <c r="S6" s="51">
        <v>0</v>
      </c>
      <c r="T6" s="51">
        <v>0</v>
      </c>
      <c r="U6" s="51">
        <v>0</v>
      </c>
      <c r="V6" s="51">
        <v>0</v>
      </c>
      <c r="W6" s="51">
        <v>0</v>
      </c>
      <c r="X6" s="51">
        <v>0</v>
      </c>
      <c r="Y6" s="51">
        <v>0</v>
      </c>
      <c r="Z6" s="51">
        <v>0</v>
      </c>
      <c r="AA6" s="51">
        <v>0</v>
      </c>
      <c r="AB6" s="51">
        <v>0</v>
      </c>
      <c r="AC6" s="51">
        <v>0</v>
      </c>
      <c r="AD6" s="51">
        <v>0</v>
      </c>
      <c r="AE6" s="51">
        <v>0</v>
      </c>
      <c r="AF6" s="51">
        <v>0</v>
      </c>
      <c r="AG6" s="51">
        <v>0</v>
      </c>
      <c r="AH6" s="51">
        <v>0</v>
      </c>
      <c r="AI6" s="51">
        <v>0</v>
      </c>
      <c r="AJ6" s="51">
        <v>0</v>
      </c>
      <c r="AK6" s="51">
        <v>0</v>
      </c>
      <c r="AL6" s="51">
        <v>0</v>
      </c>
      <c r="AM6" s="51">
        <v>0</v>
      </c>
      <c r="AN6" s="51">
        <v>0</v>
      </c>
      <c r="AO6" s="51">
        <v>0</v>
      </c>
      <c r="AP6" s="51">
        <v>0</v>
      </c>
      <c r="AQ6" s="51">
        <v>0</v>
      </c>
      <c r="AR6" s="51">
        <v>0</v>
      </c>
      <c r="AS6" s="51">
        <v>0</v>
      </c>
      <c r="AT6" s="51">
        <v>0</v>
      </c>
      <c r="AU6" s="51">
        <v>0</v>
      </c>
      <c r="AV6" s="51">
        <v>0</v>
      </c>
      <c r="AW6" s="51">
        <v>0</v>
      </c>
      <c r="AX6" s="51">
        <v>0</v>
      </c>
      <c r="AY6" s="51">
        <v>0</v>
      </c>
      <c r="AZ6" s="51">
        <v>0</v>
      </c>
      <c r="BA6" s="51">
        <v>0</v>
      </c>
      <c r="BB6" s="51">
        <v>0</v>
      </c>
      <c r="BC6" s="51">
        <v>0</v>
      </c>
      <c r="BD6" s="51">
        <v>0</v>
      </c>
      <c r="BE6" s="51">
        <v>0</v>
      </c>
      <c r="BF6" s="51">
        <v>0</v>
      </c>
      <c r="BG6" s="51">
        <v>0</v>
      </c>
      <c r="BH6" s="51">
        <v>0</v>
      </c>
      <c r="BI6" s="51">
        <v>0</v>
      </c>
      <c r="BJ6" s="51">
        <v>0</v>
      </c>
      <c r="BK6" s="51">
        <v>0</v>
      </c>
      <c r="BL6" s="51">
        <v>0</v>
      </c>
      <c r="BM6" s="51">
        <v>1536651</v>
      </c>
      <c r="BN6" s="50">
        <v>1536651</v>
      </c>
    </row>
    <row r="7" spans="1:66" ht="10" customHeight="1">
      <c r="A7" s="206"/>
      <c r="B7" s="217" t="s">
        <v>203</v>
      </c>
      <c r="C7" s="209"/>
      <c r="D7" s="209"/>
      <c r="E7" s="210"/>
      <c r="F7" s="5"/>
      <c r="G7" s="5"/>
      <c r="H7" s="5"/>
      <c r="I7" s="5"/>
      <c r="J7" s="5"/>
      <c r="K7" s="51">
        <v>5753</v>
      </c>
      <c r="L7" s="51">
        <v>37406</v>
      </c>
      <c r="M7" s="51">
        <v>14437</v>
      </c>
      <c r="N7" s="51">
        <v>88759</v>
      </c>
      <c r="O7" s="51">
        <v>3026</v>
      </c>
      <c r="P7" s="51">
        <v>51561</v>
      </c>
      <c r="Q7" s="51">
        <v>4950</v>
      </c>
      <c r="R7" s="51">
        <v>8500</v>
      </c>
      <c r="S7" s="51">
        <v>49325</v>
      </c>
      <c r="T7" s="51">
        <v>10649</v>
      </c>
      <c r="U7" s="51">
        <v>16930</v>
      </c>
      <c r="V7" s="51">
        <v>17163</v>
      </c>
      <c r="W7" s="51">
        <v>4334</v>
      </c>
      <c r="X7" s="51">
        <v>11106</v>
      </c>
      <c r="Y7" s="51">
        <v>16149</v>
      </c>
      <c r="Z7" s="51">
        <v>12089</v>
      </c>
      <c r="AA7" s="51">
        <v>12728</v>
      </c>
      <c r="AB7" s="51">
        <v>5531</v>
      </c>
      <c r="AC7" s="51">
        <v>27023</v>
      </c>
      <c r="AD7" s="51">
        <v>11560</v>
      </c>
      <c r="AE7" s="51">
        <v>10847</v>
      </c>
      <c r="AF7" s="51">
        <v>9943</v>
      </c>
      <c r="AG7" s="51">
        <v>6001</v>
      </c>
      <c r="AH7" s="51">
        <v>1428</v>
      </c>
      <c r="AI7" s="51">
        <v>12328</v>
      </c>
      <c r="AJ7" s="51">
        <v>12113</v>
      </c>
      <c r="AK7" s="51">
        <v>868</v>
      </c>
      <c r="AL7" s="51">
        <v>0</v>
      </c>
      <c r="AM7" s="51">
        <v>2865</v>
      </c>
      <c r="AN7" s="51">
        <v>1134</v>
      </c>
      <c r="AO7" s="51">
        <v>118978</v>
      </c>
      <c r="AP7" s="51">
        <v>1431</v>
      </c>
      <c r="AQ7" s="51">
        <v>15400</v>
      </c>
      <c r="AR7" s="51">
        <v>12167</v>
      </c>
      <c r="AS7" s="51">
        <v>5425</v>
      </c>
      <c r="AT7" s="51">
        <v>0</v>
      </c>
      <c r="AU7" s="51">
        <v>0</v>
      </c>
      <c r="AV7" s="51">
        <v>0</v>
      </c>
      <c r="AW7" s="51">
        <v>9061</v>
      </c>
      <c r="AX7" s="51">
        <v>0</v>
      </c>
      <c r="AY7" s="51">
        <v>0</v>
      </c>
      <c r="AZ7" s="51">
        <v>528</v>
      </c>
      <c r="BA7" s="51">
        <v>0</v>
      </c>
      <c r="BB7" s="51">
        <v>0</v>
      </c>
      <c r="BC7" s="51">
        <v>2538</v>
      </c>
      <c r="BD7" s="51">
        <v>6292</v>
      </c>
      <c r="BE7" s="51">
        <v>8140</v>
      </c>
      <c r="BF7" s="51">
        <v>0</v>
      </c>
      <c r="BG7" s="51">
        <v>0</v>
      </c>
      <c r="BH7" s="51">
        <v>6900</v>
      </c>
      <c r="BI7" s="51">
        <v>0</v>
      </c>
      <c r="BJ7" s="51">
        <v>48719</v>
      </c>
      <c r="BK7" s="51">
        <v>9004</v>
      </c>
      <c r="BL7" s="51">
        <v>12872</v>
      </c>
      <c r="BM7" s="51">
        <v>52398</v>
      </c>
      <c r="BN7" s="50">
        <v>776359</v>
      </c>
    </row>
    <row r="8" spans="1:66" ht="10" customHeight="1">
      <c r="A8" s="206"/>
      <c r="B8" s="217" t="s">
        <v>204</v>
      </c>
      <c r="C8" s="209"/>
      <c r="D8" s="209"/>
      <c r="E8" s="210"/>
      <c r="F8" s="5"/>
      <c r="G8" s="5"/>
      <c r="H8" s="5"/>
      <c r="I8" s="5"/>
      <c r="J8" s="5"/>
      <c r="K8" s="51">
        <v>0</v>
      </c>
      <c r="L8" s="51">
        <v>0</v>
      </c>
      <c r="M8" s="51">
        <v>0</v>
      </c>
      <c r="N8" s="51">
        <v>0</v>
      </c>
      <c r="O8" s="51">
        <v>0</v>
      </c>
      <c r="P8" s="51">
        <v>0</v>
      </c>
      <c r="Q8" s="51">
        <v>0</v>
      </c>
      <c r="R8" s="51">
        <v>0</v>
      </c>
      <c r="S8" s="51">
        <v>0</v>
      </c>
      <c r="T8" s="51">
        <v>0</v>
      </c>
      <c r="U8" s="51">
        <v>0</v>
      </c>
      <c r="V8" s="51">
        <v>0</v>
      </c>
      <c r="W8" s="51">
        <v>0</v>
      </c>
      <c r="X8" s="51">
        <v>0</v>
      </c>
      <c r="Y8" s="51">
        <v>0</v>
      </c>
      <c r="Z8" s="51">
        <v>0</v>
      </c>
      <c r="AA8" s="51">
        <v>0</v>
      </c>
      <c r="AB8" s="51">
        <v>0</v>
      </c>
      <c r="AC8" s="51">
        <v>0</v>
      </c>
      <c r="AD8" s="51">
        <v>0</v>
      </c>
      <c r="AE8" s="51">
        <v>0</v>
      </c>
      <c r="AF8" s="51">
        <v>0</v>
      </c>
      <c r="AG8" s="51">
        <v>0</v>
      </c>
      <c r="AH8" s="51">
        <v>0</v>
      </c>
      <c r="AI8" s="51">
        <v>0</v>
      </c>
      <c r="AJ8" s="51">
        <v>0</v>
      </c>
      <c r="AK8" s="51">
        <v>0</v>
      </c>
      <c r="AL8" s="51">
        <v>0</v>
      </c>
      <c r="AM8" s="51">
        <v>0</v>
      </c>
      <c r="AN8" s="51">
        <v>0</v>
      </c>
      <c r="AO8" s="51">
        <v>0</v>
      </c>
      <c r="AP8" s="51">
        <v>0</v>
      </c>
      <c r="AQ8" s="51">
        <v>0</v>
      </c>
      <c r="AR8" s="51">
        <v>0</v>
      </c>
      <c r="AS8" s="51">
        <v>0</v>
      </c>
      <c r="AT8" s="51">
        <v>0</v>
      </c>
      <c r="AU8" s="51">
        <v>0</v>
      </c>
      <c r="AV8" s="51">
        <v>0</v>
      </c>
      <c r="AW8" s="51">
        <v>0</v>
      </c>
      <c r="AX8" s="51">
        <v>0</v>
      </c>
      <c r="AY8" s="51">
        <v>0</v>
      </c>
      <c r="AZ8" s="51">
        <v>0</v>
      </c>
      <c r="BA8" s="51">
        <v>0</v>
      </c>
      <c r="BB8" s="51">
        <v>0</v>
      </c>
      <c r="BC8" s="51">
        <v>0</v>
      </c>
      <c r="BD8" s="51">
        <v>0</v>
      </c>
      <c r="BE8" s="51">
        <v>0</v>
      </c>
      <c r="BF8" s="51">
        <v>0</v>
      </c>
      <c r="BG8" s="51">
        <v>0</v>
      </c>
      <c r="BH8" s="51">
        <v>0</v>
      </c>
      <c r="BI8" s="51">
        <v>0</v>
      </c>
      <c r="BJ8" s="51">
        <v>0</v>
      </c>
      <c r="BK8" s="51">
        <v>0</v>
      </c>
      <c r="BL8" s="51">
        <v>0</v>
      </c>
      <c r="BM8" s="51">
        <v>0</v>
      </c>
      <c r="BN8" s="50">
        <v>0</v>
      </c>
    </row>
    <row r="9" spans="1:66" ht="10" customHeight="1">
      <c r="A9" s="206"/>
      <c r="B9" s="217" t="s">
        <v>205</v>
      </c>
      <c r="C9" s="209"/>
      <c r="D9" s="209"/>
      <c r="E9" s="210"/>
      <c r="F9" s="5"/>
      <c r="G9" s="5"/>
      <c r="H9" s="5"/>
      <c r="I9" s="5"/>
      <c r="J9" s="5"/>
      <c r="K9" s="51">
        <v>0</v>
      </c>
      <c r="L9" s="51">
        <v>588</v>
      </c>
      <c r="M9" s="51">
        <v>0</v>
      </c>
      <c r="N9" s="51">
        <v>0</v>
      </c>
      <c r="O9" s="51">
        <v>45879</v>
      </c>
      <c r="P9" s="51">
        <v>1312</v>
      </c>
      <c r="Q9" s="51">
        <v>0</v>
      </c>
      <c r="R9" s="51">
        <v>0</v>
      </c>
      <c r="S9" s="51">
        <v>0</v>
      </c>
      <c r="T9" s="51">
        <v>0</v>
      </c>
      <c r="U9" s="51">
        <v>0</v>
      </c>
      <c r="V9" s="51">
        <v>0</v>
      </c>
      <c r="W9" s="51">
        <v>0</v>
      </c>
      <c r="X9" s="51">
        <v>0</v>
      </c>
      <c r="Y9" s="51">
        <v>0</v>
      </c>
      <c r="Z9" s="51">
        <v>0</v>
      </c>
      <c r="AA9" s="51">
        <v>0</v>
      </c>
      <c r="AB9" s="51">
        <v>0</v>
      </c>
      <c r="AC9" s="51">
        <v>0</v>
      </c>
      <c r="AD9" s="51">
        <v>0</v>
      </c>
      <c r="AE9" s="51">
        <v>0</v>
      </c>
      <c r="AF9" s="51">
        <v>0</v>
      </c>
      <c r="AG9" s="51">
        <v>0</v>
      </c>
      <c r="AH9" s="51">
        <v>0</v>
      </c>
      <c r="AI9" s="51">
        <v>0</v>
      </c>
      <c r="AJ9" s="51">
        <v>0</v>
      </c>
      <c r="AK9" s="51">
        <v>0</v>
      </c>
      <c r="AL9" s="51">
        <v>0</v>
      </c>
      <c r="AM9" s="51">
        <v>0</v>
      </c>
      <c r="AN9" s="51">
        <v>0</v>
      </c>
      <c r="AO9" s="51">
        <v>0</v>
      </c>
      <c r="AP9" s="51">
        <v>0</v>
      </c>
      <c r="AQ9" s="51">
        <v>0</v>
      </c>
      <c r="AR9" s="51">
        <v>0</v>
      </c>
      <c r="AS9" s="51">
        <v>0</v>
      </c>
      <c r="AT9" s="51">
        <v>0</v>
      </c>
      <c r="AU9" s="51">
        <v>0</v>
      </c>
      <c r="AV9" s="51">
        <v>0</v>
      </c>
      <c r="AW9" s="51">
        <v>0</v>
      </c>
      <c r="AX9" s="51">
        <v>0</v>
      </c>
      <c r="AY9" s="51">
        <v>0</v>
      </c>
      <c r="AZ9" s="51">
        <v>0</v>
      </c>
      <c r="BA9" s="51">
        <v>0</v>
      </c>
      <c r="BB9" s="51">
        <v>0</v>
      </c>
      <c r="BC9" s="51">
        <v>0</v>
      </c>
      <c r="BD9" s="51">
        <v>0</v>
      </c>
      <c r="BE9" s="51">
        <v>0</v>
      </c>
      <c r="BF9" s="51">
        <v>120</v>
      </c>
      <c r="BG9" s="51">
        <v>0</v>
      </c>
      <c r="BH9" s="51">
        <v>0</v>
      </c>
      <c r="BI9" s="51">
        <v>0</v>
      </c>
      <c r="BJ9" s="51">
        <v>0</v>
      </c>
      <c r="BK9" s="51">
        <v>0</v>
      </c>
      <c r="BL9" s="51">
        <v>0</v>
      </c>
      <c r="BM9" s="51">
        <v>0</v>
      </c>
      <c r="BN9" s="50">
        <v>47899</v>
      </c>
    </row>
    <row r="10" spans="1:66" ht="10" customHeight="1">
      <c r="A10" s="206"/>
      <c r="B10" s="217" t="s">
        <v>206</v>
      </c>
      <c r="C10" s="209"/>
      <c r="D10" s="209"/>
      <c r="E10" s="210"/>
      <c r="F10" s="5"/>
      <c r="G10" s="5"/>
      <c r="H10" s="5"/>
      <c r="I10" s="5"/>
      <c r="J10" s="5"/>
      <c r="K10" s="51">
        <v>0</v>
      </c>
      <c r="L10" s="51">
        <v>2</v>
      </c>
      <c r="M10" s="51">
        <v>0</v>
      </c>
      <c r="N10" s="51">
        <v>175</v>
      </c>
      <c r="O10" s="51">
        <v>0</v>
      </c>
      <c r="P10" s="51">
        <v>54</v>
      </c>
      <c r="Q10" s="51">
        <v>0</v>
      </c>
      <c r="R10" s="51">
        <v>0</v>
      </c>
      <c r="S10" s="51">
        <v>0</v>
      </c>
      <c r="T10" s="51">
        <v>0</v>
      </c>
      <c r="U10" s="51">
        <v>0</v>
      </c>
      <c r="V10" s="51">
        <v>0</v>
      </c>
      <c r="W10" s="51">
        <v>0</v>
      </c>
      <c r="X10" s="51">
        <v>0</v>
      </c>
      <c r="Y10" s="51">
        <v>0</v>
      </c>
      <c r="Z10" s="51">
        <v>0</v>
      </c>
      <c r="AA10" s="51">
        <v>0</v>
      </c>
      <c r="AB10" s="51">
        <v>0</v>
      </c>
      <c r="AC10" s="51">
        <v>82</v>
      </c>
      <c r="AD10" s="51">
        <v>0</v>
      </c>
      <c r="AE10" s="51">
        <v>0</v>
      </c>
      <c r="AF10" s="51">
        <v>0</v>
      </c>
      <c r="AG10" s="51">
        <v>0</v>
      </c>
      <c r="AH10" s="51">
        <v>0</v>
      </c>
      <c r="AI10" s="51">
        <v>60</v>
      </c>
      <c r="AJ10" s="51">
        <v>0</v>
      </c>
      <c r="AK10" s="51">
        <v>0</v>
      </c>
      <c r="AL10" s="51">
        <v>0</v>
      </c>
      <c r="AM10" s="51">
        <v>0</v>
      </c>
      <c r="AN10" s="51">
        <v>0</v>
      </c>
      <c r="AO10" s="51">
        <v>0</v>
      </c>
      <c r="AP10" s="51">
        <v>4090</v>
      </c>
      <c r="AQ10" s="51">
        <v>0</v>
      </c>
      <c r="AR10" s="51">
        <v>0</v>
      </c>
      <c r="AS10" s="51">
        <v>0</v>
      </c>
      <c r="AT10" s="51">
        <v>0</v>
      </c>
      <c r="AU10" s="51">
        <v>0</v>
      </c>
      <c r="AV10" s="51">
        <v>0</v>
      </c>
      <c r="AW10" s="51">
        <v>0</v>
      </c>
      <c r="AX10" s="51">
        <v>0</v>
      </c>
      <c r="AY10" s="51">
        <v>0</v>
      </c>
      <c r="AZ10" s="51">
        <v>0</v>
      </c>
      <c r="BA10" s="51">
        <v>395</v>
      </c>
      <c r="BB10" s="51">
        <v>0</v>
      </c>
      <c r="BC10" s="51">
        <v>0</v>
      </c>
      <c r="BD10" s="51">
        <v>0</v>
      </c>
      <c r="BE10" s="51">
        <v>0</v>
      </c>
      <c r="BF10" s="51">
        <v>0</v>
      </c>
      <c r="BG10" s="51">
        <v>73</v>
      </c>
      <c r="BH10" s="51">
        <v>0</v>
      </c>
      <c r="BI10" s="51">
        <v>0</v>
      </c>
      <c r="BJ10" s="51">
        <v>100871</v>
      </c>
      <c r="BK10" s="51">
        <v>0</v>
      </c>
      <c r="BL10" s="51">
        <v>6580</v>
      </c>
      <c r="BM10" s="51">
        <v>0</v>
      </c>
      <c r="BN10" s="50">
        <v>112382</v>
      </c>
    </row>
    <row r="11" spans="1:66" ht="10" customHeight="1">
      <c r="A11" s="206"/>
      <c r="B11" s="236" t="s">
        <v>207</v>
      </c>
      <c r="C11" s="236"/>
      <c r="D11" s="236"/>
      <c r="E11" s="237"/>
      <c r="F11" s="5"/>
      <c r="G11" s="5"/>
      <c r="H11" s="5"/>
      <c r="I11" s="5"/>
      <c r="J11" s="5"/>
      <c r="K11" s="51">
        <v>0</v>
      </c>
      <c r="L11" s="51">
        <v>0</v>
      </c>
      <c r="M11" s="51">
        <v>18756</v>
      </c>
      <c r="N11" s="51">
        <v>0</v>
      </c>
      <c r="O11" s="51">
        <v>0</v>
      </c>
      <c r="P11" s="51">
        <v>550</v>
      </c>
      <c r="Q11" s="51">
        <v>2350</v>
      </c>
      <c r="R11" s="51">
        <v>0</v>
      </c>
      <c r="S11" s="51">
        <v>0</v>
      </c>
      <c r="T11" s="51">
        <v>0</v>
      </c>
      <c r="U11" s="51">
        <v>0</v>
      </c>
      <c r="V11" s="51">
        <v>55919</v>
      </c>
      <c r="W11" s="51">
        <v>0</v>
      </c>
      <c r="X11" s="51">
        <v>0</v>
      </c>
      <c r="Y11" s="51">
        <v>0</v>
      </c>
      <c r="Z11" s="51">
        <v>0</v>
      </c>
      <c r="AA11" s="51">
        <v>0</v>
      </c>
      <c r="AB11" s="51">
        <v>0</v>
      </c>
      <c r="AC11" s="51">
        <v>0</v>
      </c>
      <c r="AD11" s="51">
        <v>0</v>
      </c>
      <c r="AE11" s="51">
        <v>0</v>
      </c>
      <c r="AF11" s="51">
        <v>0</v>
      </c>
      <c r="AG11" s="51">
        <v>0</v>
      </c>
      <c r="AH11" s="51">
        <v>0</v>
      </c>
      <c r="AI11" s="51">
        <v>0</v>
      </c>
      <c r="AJ11" s="51">
        <v>0</v>
      </c>
      <c r="AK11" s="51">
        <v>0</v>
      </c>
      <c r="AL11" s="51">
        <v>0</v>
      </c>
      <c r="AM11" s="51">
        <v>4815</v>
      </c>
      <c r="AN11" s="51">
        <v>0</v>
      </c>
      <c r="AO11" s="51">
        <v>0</v>
      </c>
      <c r="AP11" s="51">
        <v>24173</v>
      </c>
      <c r="AQ11" s="51">
        <v>0</v>
      </c>
      <c r="AR11" s="51">
        <v>6873</v>
      </c>
      <c r="AS11" s="51">
        <v>23671</v>
      </c>
      <c r="AT11" s="51">
        <v>0</v>
      </c>
      <c r="AU11" s="51">
        <v>0</v>
      </c>
      <c r="AV11" s="51">
        <v>6320</v>
      </c>
      <c r="AW11" s="51">
        <v>26183</v>
      </c>
      <c r="AX11" s="51">
        <v>36834</v>
      </c>
      <c r="AY11" s="51">
        <v>0</v>
      </c>
      <c r="AZ11" s="51">
        <v>14704</v>
      </c>
      <c r="BA11" s="51">
        <v>0</v>
      </c>
      <c r="BB11" s="51">
        <v>0</v>
      </c>
      <c r="BC11" s="51">
        <v>0</v>
      </c>
      <c r="BD11" s="51">
        <v>149595</v>
      </c>
      <c r="BE11" s="51">
        <v>0</v>
      </c>
      <c r="BF11" s="51">
        <v>0</v>
      </c>
      <c r="BG11" s="51">
        <v>0</v>
      </c>
      <c r="BH11" s="51">
        <v>0</v>
      </c>
      <c r="BI11" s="51">
        <v>0</v>
      </c>
      <c r="BJ11" s="51">
        <v>0</v>
      </c>
      <c r="BK11" s="51">
        <v>0</v>
      </c>
      <c r="BL11" s="51">
        <v>0</v>
      </c>
      <c r="BM11" s="51">
        <v>0</v>
      </c>
      <c r="BN11" s="50">
        <v>370743</v>
      </c>
    </row>
    <row r="12" spans="1:66" ht="10" customHeight="1">
      <c r="A12" s="206"/>
      <c r="B12" s="217" t="s">
        <v>208</v>
      </c>
      <c r="C12" s="209"/>
      <c r="D12" s="209"/>
      <c r="E12" s="210"/>
      <c r="F12" s="5"/>
      <c r="G12" s="5"/>
      <c r="H12" s="5"/>
      <c r="I12" s="5"/>
      <c r="J12" s="5"/>
      <c r="K12" s="51">
        <v>19609</v>
      </c>
      <c r="L12" s="51">
        <v>0</v>
      </c>
      <c r="M12" s="51">
        <v>0</v>
      </c>
      <c r="N12" s="51">
        <v>0</v>
      </c>
      <c r="O12" s="51">
        <v>0</v>
      </c>
      <c r="P12" s="51">
        <v>0</v>
      </c>
      <c r="Q12" s="51">
        <v>0</v>
      </c>
      <c r="R12" s="51">
        <v>0</v>
      </c>
      <c r="S12" s="51">
        <v>0</v>
      </c>
      <c r="T12" s="51">
        <v>0</v>
      </c>
      <c r="U12" s="51">
        <v>0</v>
      </c>
      <c r="V12" s="51">
        <v>0</v>
      </c>
      <c r="W12" s="51">
        <v>0</v>
      </c>
      <c r="X12" s="51">
        <v>6005</v>
      </c>
      <c r="Y12" s="51">
        <v>0</v>
      </c>
      <c r="Z12" s="51">
        <v>46000</v>
      </c>
      <c r="AA12" s="51">
        <v>0</v>
      </c>
      <c r="AB12" s="51">
        <v>0</v>
      </c>
      <c r="AC12" s="51">
        <v>0</v>
      </c>
      <c r="AD12" s="51">
        <v>0</v>
      </c>
      <c r="AE12" s="51">
        <v>0</v>
      </c>
      <c r="AF12" s="51">
        <v>0</v>
      </c>
      <c r="AG12" s="51">
        <v>0</v>
      </c>
      <c r="AH12" s="51">
        <v>0</v>
      </c>
      <c r="AI12" s="51">
        <v>0</v>
      </c>
      <c r="AJ12" s="51">
        <v>0</v>
      </c>
      <c r="AK12" s="51">
        <v>0</v>
      </c>
      <c r="AL12" s="51">
        <v>0</v>
      </c>
      <c r="AM12" s="51">
        <v>0</v>
      </c>
      <c r="AN12" s="51">
        <v>0</v>
      </c>
      <c r="AO12" s="51">
        <v>0</v>
      </c>
      <c r="AP12" s="51">
        <v>0</v>
      </c>
      <c r="AQ12" s="51">
        <v>0</v>
      </c>
      <c r="AR12" s="51">
        <v>0</v>
      </c>
      <c r="AS12" s="51">
        <v>0</v>
      </c>
      <c r="AT12" s="51">
        <v>0</v>
      </c>
      <c r="AU12" s="51">
        <v>9338</v>
      </c>
      <c r="AV12" s="51">
        <v>0</v>
      </c>
      <c r="AW12" s="51">
        <v>0</v>
      </c>
      <c r="AX12" s="51">
        <v>0</v>
      </c>
      <c r="AY12" s="51">
        <v>0</v>
      </c>
      <c r="AZ12" s="51">
        <v>0</v>
      </c>
      <c r="BA12" s="51">
        <v>13898</v>
      </c>
      <c r="BB12" s="51">
        <v>0</v>
      </c>
      <c r="BC12" s="51">
        <v>0</v>
      </c>
      <c r="BD12" s="51">
        <v>0</v>
      </c>
      <c r="BE12" s="51">
        <v>0</v>
      </c>
      <c r="BF12" s="51">
        <v>0</v>
      </c>
      <c r="BG12" s="51">
        <v>18250</v>
      </c>
      <c r="BH12" s="51">
        <v>50704</v>
      </c>
      <c r="BI12" s="51">
        <v>0</v>
      </c>
      <c r="BJ12" s="51">
        <v>0</v>
      </c>
      <c r="BK12" s="51">
        <v>10180</v>
      </c>
      <c r="BL12" s="51">
        <v>80762</v>
      </c>
      <c r="BM12" s="51">
        <v>1468216</v>
      </c>
      <c r="BN12" s="50">
        <v>1722962</v>
      </c>
    </row>
    <row r="13" spans="1:66" ht="10" customHeight="1">
      <c r="A13" s="206"/>
      <c r="B13" s="217" t="s">
        <v>209</v>
      </c>
      <c r="C13" s="209"/>
      <c r="D13" s="209"/>
      <c r="E13" s="210"/>
      <c r="F13" s="5"/>
      <c r="G13" s="5"/>
      <c r="H13" s="5"/>
      <c r="I13" s="5"/>
      <c r="J13" s="5"/>
      <c r="K13" s="51">
        <v>205596</v>
      </c>
      <c r="L13" s="51">
        <v>131686</v>
      </c>
      <c r="M13" s="51">
        <v>122414</v>
      </c>
      <c r="N13" s="51">
        <v>40803</v>
      </c>
      <c r="O13" s="51">
        <v>49661</v>
      </c>
      <c r="P13" s="51">
        <v>167363</v>
      </c>
      <c r="Q13" s="51">
        <v>70360</v>
      </c>
      <c r="R13" s="51">
        <v>2882</v>
      </c>
      <c r="S13" s="51">
        <v>30085</v>
      </c>
      <c r="T13" s="51">
        <v>390575</v>
      </c>
      <c r="U13" s="51">
        <v>21434</v>
      </c>
      <c r="V13" s="51">
        <v>55151</v>
      </c>
      <c r="W13" s="51">
        <v>5963</v>
      </c>
      <c r="X13" s="51">
        <v>61511</v>
      </c>
      <c r="Y13" s="51">
        <v>76263</v>
      </c>
      <c r="Z13" s="51">
        <v>0</v>
      </c>
      <c r="AA13" s="51">
        <v>265974</v>
      </c>
      <c r="AB13" s="51">
        <v>17003</v>
      </c>
      <c r="AC13" s="51">
        <v>46221</v>
      </c>
      <c r="AD13" s="51">
        <v>36518</v>
      </c>
      <c r="AE13" s="51">
        <v>0</v>
      </c>
      <c r="AF13" s="51">
        <v>10598</v>
      </c>
      <c r="AG13" s="51">
        <v>0</v>
      </c>
      <c r="AH13" s="51">
        <v>91284</v>
      </c>
      <c r="AI13" s="51">
        <v>46366</v>
      </c>
      <c r="AJ13" s="51">
        <v>60435</v>
      </c>
      <c r="AK13" s="51">
        <v>0</v>
      </c>
      <c r="AL13" s="51">
        <v>0</v>
      </c>
      <c r="AM13" s="51">
        <v>95317</v>
      </c>
      <c r="AN13" s="51">
        <v>12100</v>
      </c>
      <c r="AO13" s="51">
        <v>0</v>
      </c>
      <c r="AP13" s="51">
        <v>13422</v>
      </c>
      <c r="AQ13" s="51">
        <v>0</v>
      </c>
      <c r="AR13" s="51">
        <v>12603</v>
      </c>
      <c r="AS13" s="51">
        <v>34408</v>
      </c>
      <c r="AT13" s="51">
        <v>41910</v>
      </c>
      <c r="AU13" s="51">
        <v>0</v>
      </c>
      <c r="AV13" s="51">
        <v>0</v>
      </c>
      <c r="AW13" s="51">
        <v>0</v>
      </c>
      <c r="AX13" s="51">
        <v>0</v>
      </c>
      <c r="AY13" s="51">
        <v>0</v>
      </c>
      <c r="AZ13" s="51">
        <v>17650</v>
      </c>
      <c r="BA13" s="51">
        <v>17492</v>
      </c>
      <c r="BB13" s="51">
        <v>0</v>
      </c>
      <c r="BC13" s="51">
        <v>0</v>
      </c>
      <c r="BD13" s="51">
        <v>0</v>
      </c>
      <c r="BE13" s="51">
        <v>0</v>
      </c>
      <c r="BF13" s="51">
        <v>45176</v>
      </c>
      <c r="BG13" s="51">
        <v>32685</v>
      </c>
      <c r="BH13" s="51">
        <v>0</v>
      </c>
      <c r="BI13" s="51">
        <v>0</v>
      </c>
      <c r="BJ13" s="51">
        <v>82324</v>
      </c>
      <c r="BK13" s="51">
        <v>304579</v>
      </c>
      <c r="BL13" s="51">
        <v>40838</v>
      </c>
      <c r="BM13" s="51">
        <v>0</v>
      </c>
      <c r="BN13" s="50">
        <v>2756650</v>
      </c>
    </row>
    <row r="14" spans="1:66" ht="10" customHeight="1">
      <c r="A14" s="206"/>
      <c r="B14" s="217" t="s">
        <v>26</v>
      </c>
      <c r="C14" s="209"/>
      <c r="D14" s="209"/>
      <c r="E14" s="210"/>
      <c r="F14" s="5"/>
      <c r="G14" s="5"/>
      <c r="H14" s="5"/>
      <c r="I14" s="5"/>
      <c r="J14" s="5"/>
      <c r="K14" s="51">
        <v>15110</v>
      </c>
      <c r="L14" s="51">
        <v>89855</v>
      </c>
      <c r="M14" s="51">
        <v>138248</v>
      </c>
      <c r="N14" s="51">
        <v>0</v>
      </c>
      <c r="O14" s="51">
        <v>0</v>
      </c>
      <c r="P14" s="51">
        <v>0</v>
      </c>
      <c r="Q14" s="51">
        <v>0</v>
      </c>
      <c r="R14" s="51">
        <v>0</v>
      </c>
      <c r="S14" s="51">
        <v>0</v>
      </c>
      <c r="T14" s="51">
        <v>70296</v>
      </c>
      <c r="U14" s="51">
        <v>258827</v>
      </c>
      <c r="V14" s="51">
        <v>64102</v>
      </c>
      <c r="W14" s="51">
        <v>0</v>
      </c>
      <c r="X14" s="51">
        <v>0</v>
      </c>
      <c r="Y14" s="51">
        <v>1543</v>
      </c>
      <c r="Z14" s="51">
        <v>119081</v>
      </c>
      <c r="AA14" s="51">
        <v>0</v>
      </c>
      <c r="AB14" s="51">
        <v>0</v>
      </c>
      <c r="AC14" s="51">
        <v>0</v>
      </c>
      <c r="AD14" s="51">
        <v>45580</v>
      </c>
      <c r="AE14" s="51">
        <v>0</v>
      </c>
      <c r="AF14" s="51">
        <v>0</v>
      </c>
      <c r="AG14" s="51">
        <v>0</v>
      </c>
      <c r="AH14" s="51">
        <v>0</v>
      </c>
      <c r="AI14" s="51">
        <v>0</v>
      </c>
      <c r="AJ14" s="51">
        <v>126775</v>
      </c>
      <c r="AK14" s="51">
        <v>0</v>
      </c>
      <c r="AL14" s="51">
        <v>195030</v>
      </c>
      <c r="AM14" s="51">
        <v>0</v>
      </c>
      <c r="AN14" s="51">
        <v>1694</v>
      </c>
      <c r="AO14" s="51">
        <v>0</v>
      </c>
      <c r="AP14" s="51">
        <v>100980</v>
      </c>
      <c r="AQ14" s="51">
        <v>136</v>
      </c>
      <c r="AR14" s="51">
        <v>44912</v>
      </c>
      <c r="AS14" s="51">
        <v>0</v>
      </c>
      <c r="AT14" s="51">
        <v>0</v>
      </c>
      <c r="AU14" s="51">
        <v>0</v>
      </c>
      <c r="AV14" s="51">
        <v>0</v>
      </c>
      <c r="AW14" s="51">
        <v>11506</v>
      </c>
      <c r="AX14" s="51">
        <v>0</v>
      </c>
      <c r="AY14" s="51">
        <v>4277</v>
      </c>
      <c r="AZ14" s="51">
        <v>0</v>
      </c>
      <c r="BA14" s="51">
        <v>0</v>
      </c>
      <c r="BB14" s="51">
        <v>0</v>
      </c>
      <c r="BC14" s="51">
        <v>0</v>
      </c>
      <c r="BD14" s="51">
        <v>0</v>
      </c>
      <c r="BE14" s="51">
        <v>0</v>
      </c>
      <c r="BF14" s="51">
        <v>0</v>
      </c>
      <c r="BG14" s="51">
        <v>10109</v>
      </c>
      <c r="BH14" s="51">
        <v>0</v>
      </c>
      <c r="BI14" s="51">
        <v>0</v>
      </c>
      <c r="BJ14" s="51">
        <v>434929</v>
      </c>
      <c r="BK14" s="51">
        <v>36304</v>
      </c>
      <c r="BL14" s="51">
        <v>0</v>
      </c>
      <c r="BM14" s="51">
        <v>0</v>
      </c>
      <c r="BN14" s="50">
        <v>1769294</v>
      </c>
    </row>
    <row r="15" spans="1:66" ht="10" customHeight="1">
      <c r="A15" s="206"/>
      <c r="B15" s="222" t="s">
        <v>245</v>
      </c>
      <c r="C15" s="219"/>
      <c r="D15" s="219"/>
      <c r="E15" s="220"/>
      <c r="F15" s="5"/>
      <c r="G15" s="5"/>
      <c r="H15" s="5"/>
      <c r="I15" s="5"/>
      <c r="J15" s="5"/>
      <c r="K15" s="58">
        <v>7151068</v>
      </c>
      <c r="L15" s="58">
        <v>1059537</v>
      </c>
      <c r="M15" s="58">
        <v>1345355</v>
      </c>
      <c r="N15" s="58">
        <v>1651937</v>
      </c>
      <c r="O15" s="58">
        <v>458566</v>
      </c>
      <c r="P15" s="58">
        <v>1323840</v>
      </c>
      <c r="Q15" s="58">
        <v>256660</v>
      </c>
      <c r="R15" s="58">
        <v>337882</v>
      </c>
      <c r="S15" s="58">
        <v>357810</v>
      </c>
      <c r="T15" s="58">
        <v>471520</v>
      </c>
      <c r="U15" s="58">
        <v>842891</v>
      </c>
      <c r="V15" s="58">
        <v>206835</v>
      </c>
      <c r="W15" s="58">
        <v>160297</v>
      </c>
      <c r="X15" s="58">
        <v>347222</v>
      </c>
      <c r="Y15" s="58">
        <v>558955</v>
      </c>
      <c r="Z15" s="58">
        <v>587270</v>
      </c>
      <c r="AA15" s="58">
        <v>548402</v>
      </c>
      <c r="AB15" s="58">
        <v>162334</v>
      </c>
      <c r="AC15" s="58">
        <v>95526</v>
      </c>
      <c r="AD15" s="58">
        <v>383958</v>
      </c>
      <c r="AE15" s="58">
        <v>680847</v>
      </c>
      <c r="AF15" s="58">
        <v>20541</v>
      </c>
      <c r="AG15" s="58">
        <v>6001</v>
      </c>
      <c r="AH15" s="58">
        <v>492712</v>
      </c>
      <c r="AI15" s="58">
        <v>58754</v>
      </c>
      <c r="AJ15" s="58">
        <v>379323</v>
      </c>
      <c r="AK15" s="58">
        <v>868</v>
      </c>
      <c r="AL15" s="58">
        <v>610030</v>
      </c>
      <c r="AM15" s="58">
        <v>184997</v>
      </c>
      <c r="AN15" s="58">
        <v>184428</v>
      </c>
      <c r="AO15" s="58">
        <v>477478</v>
      </c>
      <c r="AP15" s="58">
        <v>335796</v>
      </c>
      <c r="AQ15" s="58">
        <v>156036</v>
      </c>
      <c r="AR15" s="58">
        <v>696455</v>
      </c>
      <c r="AS15" s="58">
        <v>63504</v>
      </c>
      <c r="AT15" s="58">
        <v>241610</v>
      </c>
      <c r="AU15" s="58">
        <v>86538</v>
      </c>
      <c r="AV15" s="58">
        <v>22320</v>
      </c>
      <c r="AW15" s="58">
        <v>266750</v>
      </c>
      <c r="AX15" s="58">
        <v>378834</v>
      </c>
      <c r="AY15" s="58">
        <v>4277</v>
      </c>
      <c r="AZ15" s="58">
        <v>102082</v>
      </c>
      <c r="BA15" s="58">
        <v>93185</v>
      </c>
      <c r="BB15" s="58">
        <v>30000</v>
      </c>
      <c r="BC15" s="58">
        <v>47538</v>
      </c>
      <c r="BD15" s="58">
        <v>685287</v>
      </c>
      <c r="BE15" s="58">
        <v>8140</v>
      </c>
      <c r="BF15" s="58">
        <v>317196</v>
      </c>
      <c r="BG15" s="58">
        <v>311117</v>
      </c>
      <c r="BH15" s="58">
        <v>720504</v>
      </c>
      <c r="BI15" s="58">
        <v>251700</v>
      </c>
      <c r="BJ15" s="58">
        <v>1652843</v>
      </c>
      <c r="BK15" s="58">
        <v>360067</v>
      </c>
      <c r="BL15" s="58">
        <v>141052</v>
      </c>
      <c r="BM15" s="58">
        <v>3857265</v>
      </c>
      <c r="BN15" s="50">
        <v>32233940</v>
      </c>
    </row>
    <row r="16" spans="1:66" ht="10" customHeight="1">
      <c r="A16" s="206"/>
      <c r="B16" s="16"/>
      <c r="C16" s="222" t="s">
        <v>210</v>
      </c>
      <c r="D16" s="219"/>
      <c r="E16" s="220"/>
      <c r="F16" s="61"/>
      <c r="G16" s="61"/>
      <c r="H16" s="61"/>
      <c r="I16" s="61"/>
      <c r="J16" s="61"/>
      <c r="K16" s="58"/>
      <c r="L16" s="58"/>
      <c r="M16" s="58"/>
      <c r="N16" s="58"/>
      <c r="O16" s="58"/>
      <c r="P16" s="58"/>
      <c r="Q16" s="58"/>
      <c r="R16" s="58"/>
      <c r="S16" s="58"/>
      <c r="T16" s="58"/>
      <c r="U16" s="58"/>
      <c r="V16" s="58"/>
      <c r="W16" s="58"/>
      <c r="X16" s="58"/>
      <c r="Y16" s="58"/>
      <c r="Z16" s="58"/>
      <c r="AA16" s="58"/>
      <c r="AB16" s="58"/>
      <c r="AC16" s="58"/>
      <c r="AD16" s="58"/>
      <c r="AE16" s="58"/>
      <c r="AF16" s="58"/>
      <c r="AG16" s="58"/>
      <c r="AH16" s="58"/>
      <c r="AI16" s="58"/>
      <c r="AJ16" s="58"/>
      <c r="AK16" s="58"/>
      <c r="AL16" s="58"/>
      <c r="AM16" s="58"/>
      <c r="AN16" s="58"/>
      <c r="AO16" s="58"/>
      <c r="AP16" s="58"/>
      <c r="AQ16" s="58"/>
      <c r="AR16" s="58"/>
      <c r="AS16" s="58"/>
      <c r="AT16" s="58"/>
      <c r="AU16" s="58"/>
      <c r="AV16" s="58"/>
      <c r="AW16" s="58"/>
      <c r="AX16" s="58"/>
      <c r="AY16" s="58"/>
      <c r="AZ16" s="58"/>
      <c r="BA16" s="58"/>
      <c r="BB16" s="58"/>
      <c r="BC16" s="58"/>
      <c r="BD16" s="58"/>
      <c r="BE16" s="58"/>
      <c r="BF16" s="58"/>
      <c r="BG16" s="58"/>
      <c r="BH16" s="58"/>
      <c r="BI16" s="58"/>
      <c r="BJ16" s="58"/>
      <c r="BK16" s="58"/>
      <c r="BL16" s="58"/>
      <c r="BM16" s="58"/>
      <c r="BN16" s="63">
        <v>0</v>
      </c>
    </row>
    <row r="17" spans="1:66" ht="10" customHeight="1">
      <c r="A17" s="206"/>
      <c r="B17" s="16"/>
      <c r="C17" s="255" t="s">
        <v>211</v>
      </c>
      <c r="D17" s="239"/>
      <c r="E17" s="240"/>
      <c r="F17" s="62"/>
      <c r="G17" s="62"/>
      <c r="H17" s="62"/>
      <c r="I17" s="62"/>
      <c r="J17" s="62"/>
      <c r="K17" s="56">
        <v>0</v>
      </c>
      <c r="L17" s="56">
        <v>0</v>
      </c>
      <c r="M17" s="56">
        <v>0</v>
      </c>
      <c r="N17" s="56">
        <v>0</v>
      </c>
      <c r="O17" s="56">
        <v>0</v>
      </c>
      <c r="P17" s="56">
        <v>0</v>
      </c>
      <c r="Q17" s="56">
        <v>32780</v>
      </c>
      <c r="R17" s="56">
        <v>0</v>
      </c>
      <c r="S17" s="56">
        <v>0</v>
      </c>
      <c r="T17" s="56">
        <v>0</v>
      </c>
      <c r="U17" s="56">
        <v>0</v>
      </c>
      <c r="V17" s="56">
        <v>0</v>
      </c>
      <c r="W17" s="56">
        <v>0</v>
      </c>
      <c r="X17" s="56">
        <v>0</v>
      </c>
      <c r="Y17" s="56">
        <v>0</v>
      </c>
      <c r="Z17" s="56">
        <v>0</v>
      </c>
      <c r="AA17" s="56">
        <v>0</v>
      </c>
      <c r="AB17" s="56">
        <v>0</v>
      </c>
      <c r="AC17" s="56">
        <v>0</v>
      </c>
      <c r="AD17" s="56">
        <v>0</v>
      </c>
      <c r="AE17" s="56">
        <v>0</v>
      </c>
      <c r="AF17" s="56">
        <v>0</v>
      </c>
      <c r="AG17" s="56">
        <v>0</v>
      </c>
      <c r="AH17" s="56">
        <v>0</v>
      </c>
      <c r="AI17" s="56">
        <v>0</v>
      </c>
      <c r="AJ17" s="56">
        <v>0</v>
      </c>
      <c r="AK17" s="56">
        <v>0</v>
      </c>
      <c r="AL17" s="56">
        <v>0</v>
      </c>
      <c r="AM17" s="56">
        <v>0</v>
      </c>
      <c r="AN17" s="56">
        <v>0</v>
      </c>
      <c r="AO17" s="56">
        <v>0</v>
      </c>
      <c r="AP17" s="56">
        <v>0</v>
      </c>
      <c r="AQ17" s="56">
        <v>0</v>
      </c>
      <c r="AR17" s="56">
        <v>0</v>
      </c>
      <c r="AS17" s="56">
        <v>0</v>
      </c>
      <c r="AT17" s="56">
        <v>0</v>
      </c>
      <c r="AU17" s="56">
        <v>0</v>
      </c>
      <c r="AV17" s="56">
        <v>0</v>
      </c>
      <c r="AW17" s="56">
        <v>0</v>
      </c>
      <c r="AX17" s="56">
        <v>0</v>
      </c>
      <c r="AY17" s="56">
        <v>0</v>
      </c>
      <c r="AZ17" s="56">
        <v>0</v>
      </c>
      <c r="BA17" s="56">
        <v>10347</v>
      </c>
      <c r="BB17" s="56">
        <v>0</v>
      </c>
      <c r="BC17" s="56">
        <v>0</v>
      </c>
      <c r="BD17" s="56">
        <v>0</v>
      </c>
      <c r="BE17" s="56">
        <v>0</v>
      </c>
      <c r="BF17" s="56">
        <v>0</v>
      </c>
      <c r="BG17" s="56">
        <v>0</v>
      </c>
      <c r="BH17" s="56">
        <v>0</v>
      </c>
      <c r="BI17" s="56">
        <v>0</v>
      </c>
      <c r="BJ17" s="56">
        <v>0</v>
      </c>
      <c r="BK17" s="56">
        <v>0</v>
      </c>
      <c r="BL17" s="56">
        <v>4931</v>
      </c>
      <c r="BM17" s="56">
        <v>0</v>
      </c>
      <c r="BN17" s="57">
        <v>48058</v>
      </c>
    </row>
    <row r="18" spans="1:66" ht="10" customHeight="1">
      <c r="A18" s="206"/>
      <c r="B18" s="17"/>
      <c r="C18" s="249" t="s">
        <v>244</v>
      </c>
      <c r="D18" s="250"/>
      <c r="E18" s="251"/>
      <c r="F18" s="12"/>
      <c r="G18" s="12"/>
      <c r="H18" s="12"/>
      <c r="I18" s="12"/>
      <c r="J18" s="12"/>
      <c r="K18" s="58">
        <v>0</v>
      </c>
      <c r="L18" s="58">
        <v>0</v>
      </c>
      <c r="M18" s="58">
        <v>0</v>
      </c>
      <c r="N18" s="58">
        <v>0</v>
      </c>
      <c r="O18" s="58">
        <v>0</v>
      </c>
      <c r="P18" s="58">
        <v>0</v>
      </c>
      <c r="Q18" s="58">
        <v>0</v>
      </c>
      <c r="R18" s="58">
        <v>0</v>
      </c>
      <c r="S18" s="58">
        <v>68000</v>
      </c>
      <c r="T18" s="58">
        <v>0</v>
      </c>
      <c r="U18" s="58">
        <v>0</v>
      </c>
      <c r="V18" s="58">
        <v>0</v>
      </c>
      <c r="W18" s="58">
        <v>0</v>
      </c>
      <c r="X18" s="58">
        <v>0</v>
      </c>
      <c r="Y18" s="58">
        <v>0</v>
      </c>
      <c r="Z18" s="58">
        <v>0</v>
      </c>
      <c r="AA18" s="58">
        <v>0</v>
      </c>
      <c r="AB18" s="58">
        <v>0</v>
      </c>
      <c r="AC18" s="58">
        <v>0</v>
      </c>
      <c r="AD18" s="58">
        <v>125100</v>
      </c>
      <c r="AE18" s="58">
        <v>0</v>
      </c>
      <c r="AF18" s="58">
        <v>0</v>
      </c>
      <c r="AG18" s="58">
        <v>0</v>
      </c>
      <c r="AH18" s="58">
        <v>0</v>
      </c>
      <c r="AI18" s="58">
        <v>0</v>
      </c>
      <c r="AJ18" s="58">
        <v>0</v>
      </c>
      <c r="AK18" s="58">
        <v>0</v>
      </c>
      <c r="AL18" s="58">
        <v>0</v>
      </c>
      <c r="AM18" s="58">
        <v>0</v>
      </c>
      <c r="AN18" s="58">
        <v>0</v>
      </c>
      <c r="AO18" s="58">
        <v>0</v>
      </c>
      <c r="AP18" s="58">
        <v>0</v>
      </c>
      <c r="AQ18" s="58">
        <v>0</v>
      </c>
      <c r="AR18" s="58">
        <v>0</v>
      </c>
      <c r="AS18" s="58">
        <v>0</v>
      </c>
      <c r="AT18" s="58">
        <v>0</v>
      </c>
      <c r="AU18" s="58">
        <v>0</v>
      </c>
      <c r="AV18" s="58">
        <v>0</v>
      </c>
      <c r="AW18" s="58">
        <v>0</v>
      </c>
      <c r="AX18" s="58">
        <v>0</v>
      </c>
      <c r="AY18" s="58">
        <v>0</v>
      </c>
      <c r="AZ18" s="58">
        <v>0</v>
      </c>
      <c r="BA18" s="58">
        <v>0</v>
      </c>
      <c r="BB18" s="58">
        <v>0</v>
      </c>
      <c r="BC18" s="58">
        <v>0</v>
      </c>
      <c r="BD18" s="58">
        <v>0</v>
      </c>
      <c r="BE18" s="58">
        <v>0</v>
      </c>
      <c r="BF18" s="58">
        <v>0</v>
      </c>
      <c r="BG18" s="58">
        <v>0</v>
      </c>
      <c r="BH18" s="58">
        <v>0</v>
      </c>
      <c r="BI18" s="58">
        <v>0</v>
      </c>
      <c r="BJ18" s="58">
        <v>0</v>
      </c>
      <c r="BK18" s="58">
        <v>0</v>
      </c>
      <c r="BL18" s="58">
        <v>0</v>
      </c>
      <c r="BM18" s="58">
        <v>0</v>
      </c>
      <c r="BN18" s="50">
        <v>193100</v>
      </c>
    </row>
    <row r="19" spans="1:66" ht="10" customHeight="1">
      <c r="A19" s="207"/>
      <c r="B19" s="217" t="s">
        <v>246</v>
      </c>
      <c r="C19" s="209"/>
      <c r="D19" s="209"/>
      <c r="E19" s="210"/>
      <c r="F19" s="30"/>
      <c r="G19" s="30"/>
      <c r="H19" s="30"/>
      <c r="I19" s="30"/>
      <c r="J19" s="30"/>
      <c r="K19" s="51">
        <v>7151068</v>
      </c>
      <c r="L19" s="51">
        <v>1059537</v>
      </c>
      <c r="M19" s="51">
        <v>1345355</v>
      </c>
      <c r="N19" s="51">
        <v>1651937</v>
      </c>
      <c r="O19" s="51">
        <v>458566</v>
      </c>
      <c r="P19" s="51">
        <v>1323840</v>
      </c>
      <c r="Q19" s="51">
        <v>223880</v>
      </c>
      <c r="R19" s="51">
        <v>337882</v>
      </c>
      <c r="S19" s="51">
        <v>289810</v>
      </c>
      <c r="T19" s="51">
        <v>471520</v>
      </c>
      <c r="U19" s="51">
        <v>842891</v>
      </c>
      <c r="V19" s="51">
        <v>206835</v>
      </c>
      <c r="W19" s="51">
        <v>160297</v>
      </c>
      <c r="X19" s="51">
        <v>347222</v>
      </c>
      <c r="Y19" s="51">
        <v>558955</v>
      </c>
      <c r="Z19" s="51">
        <v>587270</v>
      </c>
      <c r="AA19" s="51">
        <v>548402</v>
      </c>
      <c r="AB19" s="51">
        <v>162334</v>
      </c>
      <c r="AC19" s="51">
        <v>95526</v>
      </c>
      <c r="AD19" s="51">
        <v>258858</v>
      </c>
      <c r="AE19" s="51">
        <v>680847</v>
      </c>
      <c r="AF19" s="51">
        <v>20541</v>
      </c>
      <c r="AG19" s="51">
        <v>6001</v>
      </c>
      <c r="AH19" s="51">
        <v>492712</v>
      </c>
      <c r="AI19" s="51">
        <v>58754</v>
      </c>
      <c r="AJ19" s="51">
        <v>379323</v>
      </c>
      <c r="AK19" s="51">
        <v>868</v>
      </c>
      <c r="AL19" s="51">
        <v>610030</v>
      </c>
      <c r="AM19" s="51">
        <v>184997</v>
      </c>
      <c r="AN19" s="51">
        <v>184428</v>
      </c>
      <c r="AO19" s="51">
        <v>477478</v>
      </c>
      <c r="AP19" s="51">
        <v>335796</v>
      </c>
      <c r="AQ19" s="51">
        <v>156036</v>
      </c>
      <c r="AR19" s="51">
        <v>696455</v>
      </c>
      <c r="AS19" s="51">
        <v>63504</v>
      </c>
      <c r="AT19" s="51">
        <v>241610</v>
      </c>
      <c r="AU19" s="51">
        <v>86538</v>
      </c>
      <c r="AV19" s="51">
        <v>22320</v>
      </c>
      <c r="AW19" s="51">
        <v>266750</v>
      </c>
      <c r="AX19" s="51">
        <v>378834</v>
      </c>
      <c r="AY19" s="51">
        <v>4277</v>
      </c>
      <c r="AZ19" s="51">
        <v>102082</v>
      </c>
      <c r="BA19" s="51">
        <v>82838</v>
      </c>
      <c r="BB19" s="51">
        <v>30000</v>
      </c>
      <c r="BC19" s="51">
        <v>47538</v>
      </c>
      <c r="BD19" s="51">
        <v>685287</v>
      </c>
      <c r="BE19" s="51">
        <v>8140</v>
      </c>
      <c r="BF19" s="51">
        <v>317196</v>
      </c>
      <c r="BG19" s="51">
        <v>311117</v>
      </c>
      <c r="BH19" s="51">
        <v>720504</v>
      </c>
      <c r="BI19" s="51">
        <v>251700</v>
      </c>
      <c r="BJ19" s="51">
        <v>1652843</v>
      </c>
      <c r="BK19" s="51">
        <v>360067</v>
      </c>
      <c r="BL19" s="51">
        <v>136121</v>
      </c>
      <c r="BM19" s="51">
        <v>3857265</v>
      </c>
      <c r="BN19" s="50">
        <v>31992782</v>
      </c>
    </row>
    <row r="20" spans="1:66" ht="10" customHeight="1">
      <c r="A20" s="205" t="s">
        <v>212</v>
      </c>
      <c r="B20" s="219" t="s">
        <v>213</v>
      </c>
      <c r="C20" s="219"/>
      <c r="D20" s="219"/>
      <c r="E20" s="220"/>
      <c r="F20" s="5"/>
      <c r="G20" s="5"/>
      <c r="H20" s="5"/>
      <c r="I20" s="5"/>
      <c r="J20" s="5"/>
      <c r="K20" s="51">
        <v>14366575</v>
      </c>
      <c r="L20" s="51">
        <v>2557854</v>
      </c>
      <c r="M20" s="51">
        <v>2563233</v>
      </c>
      <c r="N20" s="51">
        <v>5367362</v>
      </c>
      <c r="O20" s="51">
        <v>1034161</v>
      </c>
      <c r="P20" s="51">
        <v>3378933</v>
      </c>
      <c r="Q20" s="51">
        <v>544042</v>
      </c>
      <c r="R20" s="51">
        <v>759828</v>
      </c>
      <c r="S20" s="51">
        <v>598680</v>
      </c>
      <c r="T20" s="51">
        <v>1065475</v>
      </c>
      <c r="U20" s="51">
        <v>1184354</v>
      </c>
      <c r="V20" s="51">
        <v>1300023</v>
      </c>
      <c r="W20" s="51">
        <v>463484</v>
      </c>
      <c r="X20" s="51">
        <v>909446</v>
      </c>
      <c r="Y20" s="51">
        <v>965077</v>
      </c>
      <c r="Z20" s="51">
        <v>766101</v>
      </c>
      <c r="AA20" s="51">
        <v>2761055</v>
      </c>
      <c r="AB20" s="51">
        <v>645876</v>
      </c>
      <c r="AC20" s="51">
        <v>813738</v>
      </c>
      <c r="AD20" s="51">
        <v>1018330</v>
      </c>
      <c r="AE20" s="51">
        <v>1463451</v>
      </c>
      <c r="AF20" s="51">
        <v>115359</v>
      </c>
      <c r="AG20" s="51">
        <v>462039</v>
      </c>
      <c r="AH20" s="51">
        <v>774780</v>
      </c>
      <c r="AI20" s="51">
        <v>1925371</v>
      </c>
      <c r="AJ20" s="51">
        <v>716744</v>
      </c>
      <c r="AK20" s="51">
        <v>468155</v>
      </c>
      <c r="AL20" s="51">
        <v>1163907</v>
      </c>
      <c r="AM20" s="51">
        <v>577107</v>
      </c>
      <c r="AN20" s="51">
        <v>385114</v>
      </c>
      <c r="AO20" s="51">
        <v>567780</v>
      </c>
      <c r="AP20" s="51">
        <v>586200</v>
      </c>
      <c r="AQ20" s="51">
        <v>578030</v>
      </c>
      <c r="AR20" s="51">
        <v>1348789</v>
      </c>
      <c r="AS20" s="51">
        <v>483807</v>
      </c>
      <c r="AT20" s="51">
        <v>415116</v>
      </c>
      <c r="AU20" s="51">
        <v>254590</v>
      </c>
      <c r="AV20" s="51">
        <v>66498</v>
      </c>
      <c r="AW20" s="51">
        <v>293538</v>
      </c>
      <c r="AX20" s="51">
        <v>447749</v>
      </c>
      <c r="AY20" s="51">
        <v>106274</v>
      </c>
      <c r="AZ20" s="51">
        <v>202992</v>
      </c>
      <c r="BA20" s="51">
        <v>220425</v>
      </c>
      <c r="BB20" s="51">
        <v>51508</v>
      </c>
      <c r="BC20" s="51">
        <v>156333</v>
      </c>
      <c r="BD20" s="51">
        <v>880277</v>
      </c>
      <c r="BE20" s="51">
        <v>76622</v>
      </c>
      <c r="BF20" s="51">
        <v>323810</v>
      </c>
      <c r="BG20" s="51">
        <v>566127</v>
      </c>
      <c r="BH20" s="51">
        <v>892491</v>
      </c>
      <c r="BI20" s="51">
        <v>417258</v>
      </c>
      <c r="BJ20" s="51">
        <v>3242886</v>
      </c>
      <c r="BK20" s="51">
        <v>1095613</v>
      </c>
      <c r="BL20" s="51">
        <v>1460385</v>
      </c>
      <c r="BM20" s="51">
        <v>5142206</v>
      </c>
      <c r="BN20" s="50">
        <v>70992958</v>
      </c>
    </row>
    <row r="21" spans="1:66" ht="10" customHeight="1">
      <c r="A21" s="206"/>
      <c r="C21" s="217" t="s">
        <v>146</v>
      </c>
      <c r="D21" s="209"/>
      <c r="E21" s="210"/>
      <c r="F21" s="12"/>
      <c r="G21" s="12"/>
      <c r="H21" s="12"/>
      <c r="I21" s="12"/>
      <c r="J21" s="12"/>
      <c r="K21" s="51">
        <v>807304</v>
      </c>
      <c r="L21" s="51">
        <v>109920</v>
      </c>
      <c r="M21" s="51">
        <v>64948</v>
      </c>
      <c r="N21" s="51">
        <v>161119</v>
      </c>
      <c r="O21" s="51">
        <v>12290</v>
      </c>
      <c r="P21" s="51">
        <v>131110</v>
      </c>
      <c r="Q21" s="51">
        <v>25179</v>
      </c>
      <c r="R21" s="51">
        <v>24313</v>
      </c>
      <c r="S21" s="51">
        <v>17926</v>
      </c>
      <c r="T21" s="51">
        <v>61846</v>
      </c>
      <c r="U21" s="51">
        <v>53598</v>
      </c>
      <c r="V21" s="51">
        <v>75391</v>
      </c>
      <c r="W21" s="51">
        <v>19649</v>
      </c>
      <c r="X21" s="51">
        <v>17257</v>
      </c>
      <c r="Y21" s="51">
        <v>77912</v>
      </c>
      <c r="Z21" s="51">
        <v>38682</v>
      </c>
      <c r="AA21" s="51">
        <v>80008</v>
      </c>
      <c r="AB21" s="51">
        <v>42410</v>
      </c>
      <c r="AC21" s="51">
        <v>48192</v>
      </c>
      <c r="AD21" s="51">
        <v>69251</v>
      </c>
      <c r="AE21" s="51">
        <v>43767</v>
      </c>
      <c r="AF21" s="51">
        <v>0</v>
      </c>
      <c r="AG21" s="51">
        <v>31150</v>
      </c>
      <c r="AH21" s="51">
        <v>63781</v>
      </c>
      <c r="AI21" s="51">
        <v>51432</v>
      </c>
      <c r="AJ21" s="51">
        <v>65195</v>
      </c>
      <c r="AK21" s="51">
        <v>26249</v>
      </c>
      <c r="AL21" s="51">
        <v>43193</v>
      </c>
      <c r="AM21" s="51">
        <v>38647</v>
      </c>
      <c r="AN21" s="51">
        <v>7666</v>
      </c>
      <c r="AO21" s="51">
        <v>32060</v>
      </c>
      <c r="AP21" s="51">
        <v>52442</v>
      </c>
      <c r="AQ21" s="51">
        <v>12652</v>
      </c>
      <c r="AR21" s="51">
        <v>16243</v>
      </c>
      <c r="AS21" s="51">
        <v>0</v>
      </c>
      <c r="AT21" s="51">
        <v>7361</v>
      </c>
      <c r="AU21" s="51">
        <v>12828</v>
      </c>
      <c r="AV21" s="51">
        <v>0</v>
      </c>
      <c r="AW21" s="51">
        <v>0</v>
      </c>
      <c r="AX21" s="51">
        <v>19050</v>
      </c>
      <c r="AY21" s="51">
        <v>8881</v>
      </c>
      <c r="AZ21" s="51">
        <v>15088</v>
      </c>
      <c r="BA21" s="51">
        <v>8374</v>
      </c>
      <c r="BB21" s="51">
        <v>15671</v>
      </c>
      <c r="BC21" s="51">
        <v>0</v>
      </c>
      <c r="BD21" s="51">
        <v>0</v>
      </c>
      <c r="BE21" s="51">
        <v>0</v>
      </c>
      <c r="BF21" s="51">
        <v>13920</v>
      </c>
      <c r="BG21" s="51">
        <v>14928</v>
      </c>
      <c r="BH21" s="51">
        <v>0</v>
      </c>
      <c r="BI21" s="51">
        <v>7784</v>
      </c>
      <c r="BJ21" s="51">
        <v>90678</v>
      </c>
      <c r="BK21" s="51">
        <v>36183</v>
      </c>
      <c r="BL21" s="51">
        <v>79691</v>
      </c>
      <c r="BM21" s="51">
        <v>89464</v>
      </c>
      <c r="BN21" s="50">
        <v>2842683</v>
      </c>
    </row>
    <row r="22" spans="1:66" ht="10" customHeight="1">
      <c r="A22" s="206"/>
      <c r="B22" s="33"/>
      <c r="C22" s="217" t="s">
        <v>214</v>
      </c>
      <c r="D22" s="209"/>
      <c r="E22" s="210"/>
      <c r="F22" s="12"/>
      <c r="G22" s="12"/>
      <c r="H22" s="12"/>
      <c r="I22" s="12"/>
      <c r="J22" s="12"/>
      <c r="K22" s="51">
        <v>0</v>
      </c>
      <c r="L22" s="51">
        <v>0</v>
      </c>
      <c r="M22" s="51">
        <v>0</v>
      </c>
      <c r="N22" s="51">
        <v>0</v>
      </c>
      <c r="O22" s="51">
        <v>0</v>
      </c>
      <c r="P22" s="51">
        <v>0</v>
      </c>
      <c r="Q22" s="51">
        <v>0</v>
      </c>
      <c r="R22" s="51">
        <v>0</v>
      </c>
      <c r="S22" s="51">
        <v>0</v>
      </c>
      <c r="T22" s="51">
        <v>0</v>
      </c>
      <c r="U22" s="51">
        <v>0</v>
      </c>
      <c r="V22" s="51">
        <v>0</v>
      </c>
      <c r="W22" s="51">
        <v>0</v>
      </c>
      <c r="X22" s="51">
        <v>0</v>
      </c>
      <c r="Y22" s="51">
        <v>0</v>
      </c>
      <c r="Z22" s="51">
        <v>0</v>
      </c>
      <c r="AA22" s="51">
        <v>0</v>
      </c>
      <c r="AB22" s="51">
        <v>0</v>
      </c>
      <c r="AC22" s="51">
        <v>0</v>
      </c>
      <c r="AD22" s="51">
        <v>0</v>
      </c>
      <c r="AE22" s="51">
        <v>0</v>
      </c>
      <c r="AF22" s="51">
        <v>0</v>
      </c>
      <c r="AG22" s="51">
        <v>0</v>
      </c>
      <c r="AH22" s="51">
        <v>0</v>
      </c>
      <c r="AI22" s="51">
        <v>0</v>
      </c>
      <c r="AJ22" s="51">
        <v>0</v>
      </c>
      <c r="AK22" s="51">
        <v>0</v>
      </c>
      <c r="AL22" s="51">
        <v>0</v>
      </c>
      <c r="AM22" s="51">
        <v>0</v>
      </c>
      <c r="AN22" s="51">
        <v>0</v>
      </c>
      <c r="AO22" s="51">
        <v>0</v>
      </c>
      <c r="AP22" s="51">
        <v>0</v>
      </c>
      <c r="AQ22" s="51">
        <v>0</v>
      </c>
      <c r="AR22" s="51">
        <v>0</v>
      </c>
      <c r="AS22" s="51">
        <v>0</v>
      </c>
      <c r="AT22" s="51">
        <v>0</v>
      </c>
      <c r="AU22" s="51">
        <v>0</v>
      </c>
      <c r="AV22" s="51">
        <v>0</v>
      </c>
      <c r="AW22" s="51">
        <v>0</v>
      </c>
      <c r="AX22" s="51">
        <v>0</v>
      </c>
      <c r="AY22" s="51">
        <v>0</v>
      </c>
      <c r="AZ22" s="51">
        <v>0</v>
      </c>
      <c r="BA22" s="51">
        <v>0</v>
      </c>
      <c r="BB22" s="51">
        <v>0</v>
      </c>
      <c r="BC22" s="51">
        <v>0</v>
      </c>
      <c r="BD22" s="51">
        <v>0</v>
      </c>
      <c r="BE22" s="51">
        <v>0</v>
      </c>
      <c r="BF22" s="51">
        <v>0</v>
      </c>
      <c r="BG22" s="51">
        <v>0</v>
      </c>
      <c r="BH22" s="51">
        <v>0</v>
      </c>
      <c r="BI22" s="51">
        <v>0</v>
      </c>
      <c r="BJ22" s="51">
        <v>0</v>
      </c>
      <c r="BK22" s="51">
        <v>0</v>
      </c>
      <c r="BL22" s="51">
        <v>0</v>
      </c>
      <c r="BM22" s="51">
        <v>0</v>
      </c>
      <c r="BN22" s="50">
        <v>0</v>
      </c>
    </row>
    <row r="23" spans="1:66" ht="10" customHeight="1">
      <c r="A23" s="206"/>
      <c r="B23" s="219" t="s">
        <v>215</v>
      </c>
      <c r="C23" s="219"/>
      <c r="D23" s="219"/>
      <c r="E23" s="220"/>
      <c r="F23" s="5"/>
      <c r="G23" s="5"/>
      <c r="H23" s="5"/>
      <c r="I23" s="5"/>
      <c r="J23" s="5"/>
      <c r="K23" s="51">
        <v>3991064</v>
      </c>
      <c r="L23" s="51">
        <v>600218</v>
      </c>
      <c r="M23" s="51">
        <v>642477</v>
      </c>
      <c r="N23" s="51">
        <v>1589469</v>
      </c>
      <c r="O23" s="51">
        <v>460559</v>
      </c>
      <c r="P23" s="51">
        <v>603231</v>
      </c>
      <c r="Q23" s="51">
        <v>308030</v>
      </c>
      <c r="R23" s="51">
        <v>620558</v>
      </c>
      <c r="S23" s="51">
        <v>301390</v>
      </c>
      <c r="T23" s="51">
        <v>90612</v>
      </c>
      <c r="U23" s="51">
        <v>437810</v>
      </c>
      <c r="V23" s="51">
        <v>222342</v>
      </c>
      <c r="W23" s="51">
        <v>200937</v>
      </c>
      <c r="X23" s="51">
        <v>133451</v>
      </c>
      <c r="Y23" s="51">
        <v>675359</v>
      </c>
      <c r="Z23" s="51">
        <v>372917</v>
      </c>
      <c r="AA23" s="51">
        <v>174618</v>
      </c>
      <c r="AB23" s="51">
        <v>234914</v>
      </c>
      <c r="AC23" s="51">
        <v>354826</v>
      </c>
      <c r="AD23" s="51">
        <v>239338</v>
      </c>
      <c r="AE23" s="51">
        <v>477689</v>
      </c>
      <c r="AF23" s="51">
        <v>270875</v>
      </c>
      <c r="AG23" s="51">
        <v>25513</v>
      </c>
      <c r="AH23" s="51">
        <v>116850</v>
      </c>
      <c r="AI23" s="51">
        <v>162153</v>
      </c>
      <c r="AJ23" s="51">
        <v>151424</v>
      </c>
      <c r="AK23" s="51">
        <v>87847</v>
      </c>
      <c r="AL23" s="51">
        <v>237462</v>
      </c>
      <c r="AM23" s="51">
        <v>102544</v>
      </c>
      <c r="AN23" s="51">
        <v>134917</v>
      </c>
      <c r="AO23" s="51">
        <v>129325</v>
      </c>
      <c r="AP23" s="51">
        <v>228124</v>
      </c>
      <c r="AQ23" s="51">
        <v>199583</v>
      </c>
      <c r="AR23" s="51">
        <v>136406</v>
      </c>
      <c r="AS23" s="51">
        <v>59493</v>
      </c>
      <c r="AT23" s="51">
        <v>159971</v>
      </c>
      <c r="AU23" s="51">
        <v>111532</v>
      </c>
      <c r="AV23" s="51">
        <v>7010</v>
      </c>
      <c r="AW23" s="51">
        <v>31624</v>
      </c>
      <c r="AX23" s="51">
        <v>21295</v>
      </c>
      <c r="AY23" s="51">
        <v>42932</v>
      </c>
      <c r="AZ23" s="51">
        <v>52946</v>
      </c>
      <c r="BA23" s="51">
        <v>100066</v>
      </c>
      <c r="BB23" s="51">
        <v>874</v>
      </c>
      <c r="BC23" s="51">
        <v>75394</v>
      </c>
      <c r="BD23" s="51">
        <v>97044</v>
      </c>
      <c r="BE23" s="51">
        <v>44689</v>
      </c>
      <c r="BF23" s="51">
        <v>161208</v>
      </c>
      <c r="BG23" s="51">
        <v>37855</v>
      </c>
      <c r="BH23" s="51">
        <v>91139</v>
      </c>
      <c r="BI23" s="51">
        <v>128512</v>
      </c>
      <c r="BJ23" s="51">
        <v>1058142</v>
      </c>
      <c r="BK23" s="51">
        <v>46555</v>
      </c>
      <c r="BL23" s="51">
        <v>0</v>
      </c>
      <c r="BM23" s="51">
        <v>485445</v>
      </c>
      <c r="BN23" s="50">
        <v>17528558</v>
      </c>
    </row>
    <row r="24" spans="1:66" ht="10" customHeight="1">
      <c r="A24" s="206"/>
      <c r="C24" s="217" t="s">
        <v>201</v>
      </c>
      <c r="D24" s="209"/>
      <c r="E24" s="210"/>
      <c r="F24" s="12"/>
      <c r="G24" s="12"/>
      <c r="H24" s="12"/>
      <c r="I24" s="12"/>
      <c r="J24" s="12"/>
      <c r="K24" s="51">
        <v>3991064</v>
      </c>
      <c r="L24" s="51">
        <v>600218</v>
      </c>
      <c r="M24" s="51">
        <v>642477</v>
      </c>
      <c r="N24" s="51">
        <v>1589469</v>
      </c>
      <c r="O24" s="51">
        <v>460559</v>
      </c>
      <c r="P24" s="51">
        <v>603231</v>
      </c>
      <c r="Q24" s="51">
        <v>308030</v>
      </c>
      <c r="R24" s="51">
        <v>620558</v>
      </c>
      <c r="S24" s="51">
        <v>301390</v>
      </c>
      <c r="T24" s="51">
        <v>90612</v>
      </c>
      <c r="U24" s="51">
        <v>437810</v>
      </c>
      <c r="V24" s="51">
        <v>222342</v>
      </c>
      <c r="W24" s="51">
        <v>200937</v>
      </c>
      <c r="X24" s="51">
        <v>133451</v>
      </c>
      <c r="Y24" s="51">
        <v>675359</v>
      </c>
      <c r="Z24" s="51">
        <v>372917</v>
      </c>
      <c r="AA24" s="51">
        <v>174618</v>
      </c>
      <c r="AB24" s="51">
        <v>234914</v>
      </c>
      <c r="AC24" s="51">
        <v>354826</v>
      </c>
      <c r="AD24" s="51">
        <v>239338</v>
      </c>
      <c r="AE24" s="51">
        <v>477689</v>
      </c>
      <c r="AF24" s="51">
        <v>270875</v>
      </c>
      <c r="AG24" s="51">
        <v>25513</v>
      </c>
      <c r="AH24" s="51">
        <v>116850</v>
      </c>
      <c r="AI24" s="51">
        <v>162153</v>
      </c>
      <c r="AJ24" s="51">
        <v>151424</v>
      </c>
      <c r="AK24" s="51">
        <v>87847</v>
      </c>
      <c r="AL24" s="51">
        <v>237462</v>
      </c>
      <c r="AM24" s="51">
        <v>102544</v>
      </c>
      <c r="AN24" s="51">
        <v>134917</v>
      </c>
      <c r="AO24" s="51">
        <v>129325</v>
      </c>
      <c r="AP24" s="51">
        <v>228124</v>
      </c>
      <c r="AQ24" s="51">
        <v>199583</v>
      </c>
      <c r="AR24" s="51">
        <v>136406</v>
      </c>
      <c r="AS24" s="51">
        <v>59493</v>
      </c>
      <c r="AT24" s="51">
        <v>159971</v>
      </c>
      <c r="AU24" s="51">
        <v>111532</v>
      </c>
      <c r="AV24" s="51">
        <v>7010</v>
      </c>
      <c r="AW24" s="51">
        <v>31624</v>
      </c>
      <c r="AX24" s="51">
        <v>21295</v>
      </c>
      <c r="AY24" s="51">
        <v>42932</v>
      </c>
      <c r="AZ24" s="51">
        <v>52946</v>
      </c>
      <c r="BA24" s="51">
        <v>100066</v>
      </c>
      <c r="BB24" s="51">
        <v>874</v>
      </c>
      <c r="BC24" s="51">
        <v>75394</v>
      </c>
      <c r="BD24" s="51">
        <v>97044</v>
      </c>
      <c r="BE24" s="51">
        <v>44689</v>
      </c>
      <c r="BF24" s="51">
        <v>161208</v>
      </c>
      <c r="BG24" s="51">
        <v>37855</v>
      </c>
      <c r="BH24" s="51">
        <v>91139</v>
      </c>
      <c r="BI24" s="51">
        <v>128512</v>
      </c>
      <c r="BJ24" s="51">
        <v>1058142</v>
      </c>
      <c r="BK24" s="51">
        <v>46555</v>
      </c>
      <c r="BL24" s="51">
        <v>0</v>
      </c>
      <c r="BM24" s="51">
        <v>485445</v>
      </c>
      <c r="BN24" s="50">
        <v>17528558</v>
      </c>
    </row>
    <row r="25" spans="1:66" ht="10" customHeight="1">
      <c r="A25" s="206"/>
      <c r="B25" s="33"/>
      <c r="C25" s="217" t="s">
        <v>26</v>
      </c>
      <c r="D25" s="209"/>
      <c r="E25" s="210"/>
      <c r="F25" s="12"/>
      <c r="G25" s="12"/>
      <c r="H25" s="12"/>
      <c r="I25" s="12"/>
      <c r="J25" s="12"/>
      <c r="K25" s="51">
        <v>0</v>
      </c>
      <c r="L25" s="51">
        <v>0</v>
      </c>
      <c r="M25" s="51">
        <v>0</v>
      </c>
      <c r="N25" s="51">
        <v>0</v>
      </c>
      <c r="O25" s="51">
        <v>0</v>
      </c>
      <c r="P25" s="51">
        <v>0</v>
      </c>
      <c r="Q25" s="51">
        <v>0</v>
      </c>
      <c r="R25" s="51">
        <v>0</v>
      </c>
      <c r="S25" s="51">
        <v>0</v>
      </c>
      <c r="T25" s="51">
        <v>0</v>
      </c>
      <c r="U25" s="51">
        <v>0</v>
      </c>
      <c r="V25" s="51">
        <v>0</v>
      </c>
      <c r="W25" s="51">
        <v>0</v>
      </c>
      <c r="X25" s="51">
        <v>0</v>
      </c>
      <c r="Y25" s="51">
        <v>0</v>
      </c>
      <c r="Z25" s="51">
        <v>0</v>
      </c>
      <c r="AA25" s="51">
        <v>0</v>
      </c>
      <c r="AB25" s="51">
        <v>0</v>
      </c>
      <c r="AC25" s="51">
        <v>0</v>
      </c>
      <c r="AD25" s="51">
        <v>0</v>
      </c>
      <c r="AE25" s="51">
        <v>0</v>
      </c>
      <c r="AF25" s="51">
        <v>0</v>
      </c>
      <c r="AG25" s="51">
        <v>0</v>
      </c>
      <c r="AH25" s="51">
        <v>0</v>
      </c>
      <c r="AI25" s="51">
        <v>0</v>
      </c>
      <c r="AJ25" s="51">
        <v>0</v>
      </c>
      <c r="AK25" s="51">
        <v>0</v>
      </c>
      <c r="AL25" s="51">
        <v>0</v>
      </c>
      <c r="AM25" s="51">
        <v>0</v>
      </c>
      <c r="AN25" s="51">
        <v>0</v>
      </c>
      <c r="AO25" s="51">
        <v>0</v>
      </c>
      <c r="AP25" s="51">
        <v>0</v>
      </c>
      <c r="AQ25" s="51">
        <v>0</v>
      </c>
      <c r="AR25" s="51">
        <v>0</v>
      </c>
      <c r="AS25" s="51">
        <v>0</v>
      </c>
      <c r="AT25" s="51">
        <v>0</v>
      </c>
      <c r="AU25" s="51">
        <v>0</v>
      </c>
      <c r="AV25" s="51">
        <v>0</v>
      </c>
      <c r="AW25" s="51">
        <v>0</v>
      </c>
      <c r="AX25" s="51">
        <v>0</v>
      </c>
      <c r="AY25" s="51">
        <v>0</v>
      </c>
      <c r="AZ25" s="51">
        <v>0</v>
      </c>
      <c r="BA25" s="51">
        <v>0</v>
      </c>
      <c r="BB25" s="51">
        <v>0</v>
      </c>
      <c r="BC25" s="51">
        <v>0</v>
      </c>
      <c r="BD25" s="51">
        <v>0</v>
      </c>
      <c r="BE25" s="51">
        <v>0</v>
      </c>
      <c r="BF25" s="51">
        <v>0</v>
      </c>
      <c r="BG25" s="51">
        <v>0</v>
      </c>
      <c r="BH25" s="51">
        <v>0</v>
      </c>
      <c r="BI25" s="51">
        <v>0</v>
      </c>
      <c r="BJ25" s="51">
        <v>0</v>
      </c>
      <c r="BK25" s="51">
        <v>0</v>
      </c>
      <c r="BL25" s="51">
        <v>0</v>
      </c>
      <c r="BM25" s="51">
        <v>0</v>
      </c>
      <c r="BN25" s="50">
        <v>0</v>
      </c>
    </row>
    <row r="26" spans="1:66" ht="10" customHeight="1">
      <c r="A26" s="206"/>
      <c r="B26" s="217" t="s">
        <v>216</v>
      </c>
      <c r="C26" s="209"/>
      <c r="D26" s="209"/>
      <c r="E26" s="210"/>
      <c r="F26" s="5"/>
      <c r="G26" s="5"/>
      <c r="H26" s="5"/>
      <c r="I26" s="5"/>
      <c r="J26" s="5"/>
      <c r="K26" s="51">
        <v>0</v>
      </c>
      <c r="L26" s="51">
        <v>0</v>
      </c>
      <c r="M26" s="51">
        <v>0</v>
      </c>
      <c r="N26" s="51">
        <v>0</v>
      </c>
      <c r="O26" s="51">
        <v>0</v>
      </c>
      <c r="P26" s="51">
        <v>0</v>
      </c>
      <c r="Q26" s="51">
        <v>0</v>
      </c>
      <c r="R26" s="51">
        <v>0</v>
      </c>
      <c r="S26" s="51">
        <v>0</v>
      </c>
      <c r="T26" s="51">
        <v>0</v>
      </c>
      <c r="U26" s="51">
        <v>0</v>
      </c>
      <c r="V26" s="51">
        <v>0</v>
      </c>
      <c r="W26" s="51">
        <v>0</v>
      </c>
      <c r="X26" s="51">
        <v>0</v>
      </c>
      <c r="Y26" s="51">
        <v>0</v>
      </c>
      <c r="Z26" s="51">
        <v>0</v>
      </c>
      <c r="AA26" s="51">
        <v>0</v>
      </c>
      <c r="AB26" s="51">
        <v>0</v>
      </c>
      <c r="AC26" s="51">
        <v>0</v>
      </c>
      <c r="AD26" s="51">
        <v>0</v>
      </c>
      <c r="AE26" s="51">
        <v>0</v>
      </c>
      <c r="AF26" s="51">
        <v>0</v>
      </c>
      <c r="AG26" s="51">
        <v>0</v>
      </c>
      <c r="AH26" s="51">
        <v>0</v>
      </c>
      <c r="AI26" s="51">
        <v>0</v>
      </c>
      <c r="AJ26" s="51">
        <v>0</v>
      </c>
      <c r="AK26" s="51">
        <v>0</v>
      </c>
      <c r="AL26" s="51">
        <v>0</v>
      </c>
      <c r="AM26" s="51">
        <v>0</v>
      </c>
      <c r="AN26" s="51">
        <v>0</v>
      </c>
      <c r="AO26" s="51">
        <v>0</v>
      </c>
      <c r="AP26" s="51">
        <v>0</v>
      </c>
      <c r="AQ26" s="51">
        <v>0</v>
      </c>
      <c r="AR26" s="51">
        <v>0</v>
      </c>
      <c r="AS26" s="51">
        <v>0</v>
      </c>
      <c r="AT26" s="51">
        <v>0</v>
      </c>
      <c r="AU26" s="51">
        <v>0</v>
      </c>
      <c r="AV26" s="51">
        <v>0</v>
      </c>
      <c r="AW26" s="51">
        <v>0</v>
      </c>
      <c r="AX26" s="51">
        <v>0</v>
      </c>
      <c r="AY26" s="51">
        <v>0</v>
      </c>
      <c r="AZ26" s="51">
        <v>0</v>
      </c>
      <c r="BA26" s="51">
        <v>0</v>
      </c>
      <c r="BB26" s="51">
        <v>0</v>
      </c>
      <c r="BC26" s="51">
        <v>0</v>
      </c>
      <c r="BD26" s="51">
        <v>0</v>
      </c>
      <c r="BE26" s="51">
        <v>0</v>
      </c>
      <c r="BF26" s="51">
        <v>0</v>
      </c>
      <c r="BG26" s="51">
        <v>0</v>
      </c>
      <c r="BH26" s="51">
        <v>0</v>
      </c>
      <c r="BI26" s="51">
        <v>0</v>
      </c>
      <c r="BJ26" s="51">
        <v>0</v>
      </c>
      <c r="BK26" s="51">
        <v>0</v>
      </c>
      <c r="BL26" s="51">
        <v>0</v>
      </c>
      <c r="BM26" s="51">
        <v>0</v>
      </c>
      <c r="BN26" s="50">
        <v>0</v>
      </c>
    </row>
    <row r="27" spans="1:66" ht="10" customHeight="1">
      <c r="A27" s="206"/>
      <c r="B27" s="217" t="s">
        <v>217</v>
      </c>
      <c r="C27" s="209"/>
      <c r="D27" s="209"/>
      <c r="E27" s="210"/>
      <c r="F27" s="5"/>
      <c r="G27" s="5"/>
      <c r="H27" s="5"/>
      <c r="I27" s="5"/>
      <c r="J27" s="5"/>
      <c r="K27" s="51">
        <v>0</v>
      </c>
      <c r="L27" s="51">
        <v>0</v>
      </c>
      <c r="M27" s="51">
        <v>0</v>
      </c>
      <c r="N27" s="51">
        <v>0</v>
      </c>
      <c r="O27" s="51">
        <v>0</v>
      </c>
      <c r="P27" s="51">
        <v>0</v>
      </c>
      <c r="Q27" s="51">
        <v>0</v>
      </c>
      <c r="R27" s="51">
        <v>0</v>
      </c>
      <c r="S27" s="51">
        <v>0</v>
      </c>
      <c r="T27" s="51">
        <v>0</v>
      </c>
      <c r="U27" s="51">
        <v>0</v>
      </c>
      <c r="V27" s="51">
        <v>0</v>
      </c>
      <c r="W27" s="51">
        <v>0</v>
      </c>
      <c r="X27" s="51">
        <v>0</v>
      </c>
      <c r="Y27" s="51">
        <v>0</v>
      </c>
      <c r="Z27" s="51">
        <v>0</v>
      </c>
      <c r="AA27" s="51">
        <v>0</v>
      </c>
      <c r="AB27" s="51">
        <v>0</v>
      </c>
      <c r="AC27" s="51">
        <v>0</v>
      </c>
      <c r="AD27" s="51">
        <v>0</v>
      </c>
      <c r="AE27" s="51">
        <v>0</v>
      </c>
      <c r="AF27" s="51">
        <v>0</v>
      </c>
      <c r="AG27" s="51">
        <v>0</v>
      </c>
      <c r="AH27" s="51">
        <v>0</v>
      </c>
      <c r="AI27" s="51">
        <v>0</v>
      </c>
      <c r="AJ27" s="51">
        <v>0</v>
      </c>
      <c r="AK27" s="51">
        <v>0</v>
      </c>
      <c r="AL27" s="51">
        <v>0</v>
      </c>
      <c r="AM27" s="51">
        <v>0</v>
      </c>
      <c r="AN27" s="51">
        <v>0</v>
      </c>
      <c r="AO27" s="51">
        <v>0</v>
      </c>
      <c r="AP27" s="51">
        <v>0</v>
      </c>
      <c r="AQ27" s="51">
        <v>0</v>
      </c>
      <c r="AR27" s="51">
        <v>0</v>
      </c>
      <c r="AS27" s="51">
        <v>0</v>
      </c>
      <c r="AT27" s="51">
        <v>0</v>
      </c>
      <c r="AU27" s="51">
        <v>0</v>
      </c>
      <c r="AV27" s="51">
        <v>0</v>
      </c>
      <c r="AW27" s="51">
        <v>0</v>
      </c>
      <c r="AX27" s="51">
        <v>0</v>
      </c>
      <c r="AY27" s="51">
        <v>0</v>
      </c>
      <c r="AZ27" s="51">
        <v>0</v>
      </c>
      <c r="BA27" s="51">
        <v>0</v>
      </c>
      <c r="BB27" s="51">
        <v>0</v>
      </c>
      <c r="BC27" s="51">
        <v>0</v>
      </c>
      <c r="BD27" s="51">
        <v>0</v>
      </c>
      <c r="BE27" s="51">
        <v>0</v>
      </c>
      <c r="BF27" s="51">
        <v>0</v>
      </c>
      <c r="BG27" s="51">
        <v>0</v>
      </c>
      <c r="BH27" s="51">
        <v>0</v>
      </c>
      <c r="BI27" s="51">
        <v>0</v>
      </c>
      <c r="BJ27" s="51">
        <v>0</v>
      </c>
      <c r="BK27" s="51">
        <v>0</v>
      </c>
      <c r="BL27" s="51">
        <v>0</v>
      </c>
      <c r="BM27" s="51">
        <v>0</v>
      </c>
      <c r="BN27" s="50">
        <v>0</v>
      </c>
    </row>
    <row r="28" spans="1:66" ht="10" customHeight="1">
      <c r="A28" s="206"/>
      <c r="B28" s="217" t="s">
        <v>26</v>
      </c>
      <c r="C28" s="209"/>
      <c r="D28" s="209"/>
      <c r="E28" s="210"/>
      <c r="F28" s="5"/>
      <c r="G28" s="5"/>
      <c r="H28" s="5"/>
      <c r="I28" s="5"/>
      <c r="J28" s="5"/>
      <c r="K28" s="51">
        <v>0</v>
      </c>
      <c r="L28" s="51">
        <v>0</v>
      </c>
      <c r="M28" s="51">
        <v>0</v>
      </c>
      <c r="N28" s="51">
        <v>0</v>
      </c>
      <c r="O28" s="51">
        <v>0</v>
      </c>
      <c r="P28" s="51">
        <v>0</v>
      </c>
      <c r="Q28" s="51">
        <v>0</v>
      </c>
      <c r="R28" s="51">
        <v>0</v>
      </c>
      <c r="S28" s="51">
        <v>100000</v>
      </c>
      <c r="T28" s="51">
        <v>0</v>
      </c>
      <c r="U28" s="51">
        <v>0</v>
      </c>
      <c r="V28" s="51">
        <v>0</v>
      </c>
      <c r="W28" s="51">
        <v>0</v>
      </c>
      <c r="X28" s="51">
        <v>0</v>
      </c>
      <c r="Y28" s="51">
        <v>0</v>
      </c>
      <c r="Z28" s="51">
        <v>0</v>
      </c>
      <c r="AA28" s="51">
        <v>0</v>
      </c>
      <c r="AB28" s="51">
        <v>119</v>
      </c>
      <c r="AC28" s="51">
        <v>0</v>
      </c>
      <c r="AD28" s="51">
        <v>0</v>
      </c>
      <c r="AE28" s="51">
        <v>0</v>
      </c>
      <c r="AF28" s="51">
        <v>0</v>
      </c>
      <c r="AG28" s="51">
        <v>0</v>
      </c>
      <c r="AH28" s="51">
        <v>0</v>
      </c>
      <c r="AI28" s="51">
        <v>0</v>
      </c>
      <c r="AJ28" s="51">
        <v>0</v>
      </c>
      <c r="AK28" s="51">
        <v>0</v>
      </c>
      <c r="AL28" s="51">
        <v>0</v>
      </c>
      <c r="AM28" s="51">
        <v>0</v>
      </c>
      <c r="AN28" s="51">
        <v>0</v>
      </c>
      <c r="AO28" s="51">
        <v>0</v>
      </c>
      <c r="AP28" s="51">
        <v>0</v>
      </c>
      <c r="AQ28" s="51">
        <v>0</v>
      </c>
      <c r="AR28" s="51">
        <v>0</v>
      </c>
      <c r="AS28" s="51">
        <v>0</v>
      </c>
      <c r="AT28" s="51">
        <v>0</v>
      </c>
      <c r="AU28" s="51">
        <v>0</v>
      </c>
      <c r="AV28" s="51">
        <v>0</v>
      </c>
      <c r="AW28" s="51">
        <v>0</v>
      </c>
      <c r="AX28" s="51">
        <v>0</v>
      </c>
      <c r="AY28" s="51">
        <v>0</v>
      </c>
      <c r="AZ28" s="51">
        <v>0</v>
      </c>
      <c r="BA28" s="51">
        <v>0</v>
      </c>
      <c r="BB28" s="51">
        <v>0</v>
      </c>
      <c r="BC28" s="51">
        <v>0</v>
      </c>
      <c r="BD28" s="51">
        <v>0</v>
      </c>
      <c r="BE28" s="51">
        <v>0</v>
      </c>
      <c r="BF28" s="51">
        <v>0</v>
      </c>
      <c r="BG28" s="51">
        <v>0</v>
      </c>
      <c r="BH28" s="51">
        <v>7476</v>
      </c>
      <c r="BI28" s="51">
        <v>0</v>
      </c>
      <c r="BJ28" s="51">
        <v>100000</v>
      </c>
      <c r="BK28" s="51">
        <v>0</v>
      </c>
      <c r="BL28" s="51">
        <v>0</v>
      </c>
      <c r="BM28" s="51">
        <v>0</v>
      </c>
      <c r="BN28" s="50">
        <v>207595</v>
      </c>
    </row>
    <row r="29" spans="1:66" ht="10" customHeight="1">
      <c r="A29" s="207"/>
      <c r="B29" s="217" t="s">
        <v>247</v>
      </c>
      <c r="C29" s="209"/>
      <c r="D29" s="209"/>
      <c r="E29" s="210"/>
      <c r="F29" s="30"/>
      <c r="G29" s="30"/>
      <c r="H29" s="30"/>
      <c r="I29" s="30"/>
      <c r="J29" s="30"/>
      <c r="K29" s="51">
        <v>18357639</v>
      </c>
      <c r="L29" s="51">
        <v>3158072</v>
      </c>
      <c r="M29" s="51">
        <v>3205710</v>
      </c>
      <c r="N29" s="51">
        <v>6956831</v>
      </c>
      <c r="O29" s="51">
        <v>1494720</v>
      </c>
      <c r="P29" s="51">
        <v>3982164</v>
      </c>
      <c r="Q29" s="51">
        <v>852072</v>
      </c>
      <c r="R29" s="51">
        <v>1380386</v>
      </c>
      <c r="S29" s="51">
        <v>1000070</v>
      </c>
      <c r="T29" s="51">
        <v>1156087</v>
      </c>
      <c r="U29" s="51">
        <v>1622164</v>
      </c>
      <c r="V29" s="51">
        <v>1522365</v>
      </c>
      <c r="W29" s="51">
        <v>664421</v>
      </c>
      <c r="X29" s="51">
        <v>1042897</v>
      </c>
      <c r="Y29" s="51">
        <v>1640436</v>
      </c>
      <c r="Z29" s="51">
        <v>1139018</v>
      </c>
      <c r="AA29" s="51">
        <v>2935673</v>
      </c>
      <c r="AB29" s="51">
        <v>880909</v>
      </c>
      <c r="AC29" s="51">
        <v>1168564</v>
      </c>
      <c r="AD29" s="51">
        <v>1257668</v>
      </c>
      <c r="AE29" s="51">
        <v>1941140</v>
      </c>
      <c r="AF29" s="51">
        <v>386234</v>
      </c>
      <c r="AG29" s="51">
        <v>487552</v>
      </c>
      <c r="AH29" s="51">
        <v>891630</v>
      </c>
      <c r="AI29" s="51">
        <v>2087524</v>
      </c>
      <c r="AJ29" s="51">
        <v>868168</v>
      </c>
      <c r="AK29" s="51">
        <v>556002</v>
      </c>
      <c r="AL29" s="51">
        <v>1401369</v>
      </c>
      <c r="AM29" s="51">
        <v>679651</v>
      </c>
      <c r="AN29" s="51">
        <v>520031</v>
      </c>
      <c r="AO29" s="51">
        <v>697105</v>
      </c>
      <c r="AP29" s="51">
        <v>814324</v>
      </c>
      <c r="AQ29" s="51">
        <v>777613</v>
      </c>
      <c r="AR29" s="51">
        <v>1485195</v>
      </c>
      <c r="AS29" s="51">
        <v>543300</v>
      </c>
      <c r="AT29" s="51">
        <v>575087</v>
      </c>
      <c r="AU29" s="51">
        <v>366122</v>
      </c>
      <c r="AV29" s="51">
        <v>73508</v>
      </c>
      <c r="AW29" s="51">
        <v>325162</v>
      </c>
      <c r="AX29" s="51">
        <v>469044</v>
      </c>
      <c r="AY29" s="51">
        <v>149206</v>
      </c>
      <c r="AZ29" s="51">
        <v>255938</v>
      </c>
      <c r="BA29" s="51">
        <v>320491</v>
      </c>
      <c r="BB29" s="51">
        <v>52382</v>
      </c>
      <c r="BC29" s="51">
        <v>231727</v>
      </c>
      <c r="BD29" s="51">
        <v>977321</v>
      </c>
      <c r="BE29" s="51">
        <v>121311</v>
      </c>
      <c r="BF29" s="51">
        <v>485018</v>
      </c>
      <c r="BG29" s="51">
        <v>603982</v>
      </c>
      <c r="BH29" s="51">
        <v>991106</v>
      </c>
      <c r="BI29" s="51">
        <v>545770</v>
      </c>
      <c r="BJ29" s="51">
        <v>4401028</v>
      </c>
      <c r="BK29" s="51">
        <v>1142168</v>
      </c>
      <c r="BL29" s="51">
        <v>1460385</v>
      </c>
      <c r="BM29" s="51">
        <v>5627651</v>
      </c>
      <c r="BN29" s="50">
        <v>88729111</v>
      </c>
    </row>
    <row r="30" spans="1:66" ht="10" customHeight="1">
      <c r="A30" s="263" t="s">
        <v>248</v>
      </c>
      <c r="B30" s="264"/>
      <c r="C30" s="265"/>
      <c r="D30" s="217" t="s">
        <v>218</v>
      </c>
      <c r="E30" s="210"/>
      <c r="F30" s="13"/>
      <c r="G30" s="13"/>
      <c r="H30" s="13"/>
      <c r="I30" s="13"/>
      <c r="J30" s="13"/>
      <c r="K30" s="51">
        <v>0</v>
      </c>
      <c r="L30" s="51">
        <v>0</v>
      </c>
      <c r="M30" s="51">
        <v>0</v>
      </c>
      <c r="N30" s="51">
        <v>0</v>
      </c>
      <c r="O30" s="51">
        <v>0</v>
      </c>
      <c r="P30" s="51">
        <v>0</v>
      </c>
      <c r="Q30" s="51">
        <v>0</v>
      </c>
      <c r="R30" s="51">
        <v>0</v>
      </c>
      <c r="S30" s="51">
        <v>0</v>
      </c>
      <c r="T30" s="51">
        <v>0</v>
      </c>
      <c r="U30" s="51">
        <v>0</v>
      </c>
      <c r="V30" s="51">
        <v>0</v>
      </c>
      <c r="W30" s="51">
        <v>0</v>
      </c>
      <c r="X30" s="51">
        <v>0</v>
      </c>
      <c r="Y30" s="51">
        <v>0</v>
      </c>
      <c r="Z30" s="51">
        <v>0</v>
      </c>
      <c r="AA30" s="51">
        <v>0</v>
      </c>
      <c r="AB30" s="51">
        <v>0</v>
      </c>
      <c r="AC30" s="51">
        <v>0</v>
      </c>
      <c r="AD30" s="51">
        <v>0</v>
      </c>
      <c r="AE30" s="51">
        <v>0</v>
      </c>
      <c r="AF30" s="51">
        <v>0</v>
      </c>
      <c r="AG30" s="51">
        <v>0</v>
      </c>
      <c r="AH30" s="51">
        <v>0</v>
      </c>
      <c r="AI30" s="51">
        <v>0</v>
      </c>
      <c r="AJ30" s="51">
        <v>0</v>
      </c>
      <c r="AK30" s="51">
        <v>0</v>
      </c>
      <c r="AL30" s="51">
        <v>0</v>
      </c>
      <c r="AM30" s="51">
        <v>0</v>
      </c>
      <c r="AN30" s="51">
        <v>0</v>
      </c>
      <c r="AO30" s="51">
        <v>0</v>
      </c>
      <c r="AP30" s="51">
        <v>0</v>
      </c>
      <c r="AQ30" s="51">
        <v>0</v>
      </c>
      <c r="AR30" s="51">
        <v>0</v>
      </c>
      <c r="AS30" s="51">
        <v>0</v>
      </c>
      <c r="AT30" s="51">
        <v>0</v>
      </c>
      <c r="AU30" s="51">
        <v>0</v>
      </c>
      <c r="AV30" s="51">
        <v>0</v>
      </c>
      <c r="AW30" s="51">
        <v>0</v>
      </c>
      <c r="AX30" s="51">
        <v>0</v>
      </c>
      <c r="AY30" s="51">
        <v>0</v>
      </c>
      <c r="AZ30" s="51">
        <v>0</v>
      </c>
      <c r="BA30" s="51">
        <v>0</v>
      </c>
      <c r="BB30" s="51">
        <v>0</v>
      </c>
      <c r="BC30" s="51">
        <v>0</v>
      </c>
      <c r="BD30" s="51">
        <v>0</v>
      </c>
      <c r="BE30" s="51">
        <v>0</v>
      </c>
      <c r="BF30" s="51">
        <v>0</v>
      </c>
      <c r="BG30" s="51">
        <v>0</v>
      </c>
      <c r="BH30" s="51">
        <v>0</v>
      </c>
      <c r="BI30" s="51">
        <v>0</v>
      </c>
      <c r="BJ30" s="51">
        <v>0</v>
      </c>
      <c r="BK30" s="51">
        <v>0</v>
      </c>
      <c r="BL30" s="51">
        <v>0</v>
      </c>
      <c r="BM30" s="51">
        <v>0</v>
      </c>
      <c r="BN30" s="50">
        <v>0</v>
      </c>
    </row>
    <row r="31" spans="1:66" ht="10" customHeight="1">
      <c r="A31" s="266"/>
      <c r="B31" s="267"/>
      <c r="C31" s="268"/>
      <c r="D31" s="217" t="s">
        <v>580</v>
      </c>
      <c r="E31" s="210"/>
      <c r="F31" s="13"/>
      <c r="G31" s="13"/>
      <c r="H31" s="13"/>
      <c r="I31" s="13"/>
      <c r="J31" s="13"/>
      <c r="K31" s="77">
        <v>11206571</v>
      </c>
      <c r="L31" s="77">
        <v>2098535</v>
      </c>
      <c r="M31" s="77">
        <v>1860355</v>
      </c>
      <c r="N31" s="77">
        <v>5304894</v>
      </c>
      <c r="O31" s="77">
        <v>1036154</v>
      </c>
      <c r="P31" s="77">
        <v>2658324</v>
      </c>
      <c r="Q31" s="77">
        <v>628192</v>
      </c>
      <c r="R31" s="77">
        <v>1042504</v>
      </c>
      <c r="S31" s="77">
        <v>710260</v>
      </c>
      <c r="T31" s="77">
        <v>684567</v>
      </c>
      <c r="U31" s="77">
        <v>779273</v>
      </c>
      <c r="V31" s="77">
        <v>1315530</v>
      </c>
      <c r="W31" s="77">
        <v>504124</v>
      </c>
      <c r="X31" s="77">
        <v>695675</v>
      </c>
      <c r="Y31" s="77">
        <v>1081481</v>
      </c>
      <c r="Z31" s="77">
        <v>551748</v>
      </c>
      <c r="AA31" s="77">
        <v>2387271</v>
      </c>
      <c r="AB31" s="77">
        <v>718575</v>
      </c>
      <c r="AC31" s="77">
        <v>1073038</v>
      </c>
      <c r="AD31" s="77">
        <v>998810</v>
      </c>
      <c r="AE31" s="77">
        <v>1260293</v>
      </c>
      <c r="AF31" s="77">
        <v>365693</v>
      </c>
      <c r="AG31" s="77">
        <v>481551</v>
      </c>
      <c r="AH31" s="77">
        <v>398918</v>
      </c>
      <c r="AI31" s="77">
        <v>2028770</v>
      </c>
      <c r="AJ31" s="77">
        <v>488845</v>
      </c>
      <c r="AK31" s="77">
        <v>555134</v>
      </c>
      <c r="AL31" s="77">
        <v>791339</v>
      </c>
      <c r="AM31" s="77">
        <v>494654</v>
      </c>
      <c r="AN31" s="77">
        <v>335603</v>
      </c>
      <c r="AO31" s="77">
        <v>219627</v>
      </c>
      <c r="AP31" s="77">
        <v>478528</v>
      </c>
      <c r="AQ31" s="77">
        <v>621577</v>
      </c>
      <c r="AR31" s="77">
        <v>788740</v>
      </c>
      <c r="AS31" s="77">
        <v>479796</v>
      </c>
      <c r="AT31" s="77">
        <v>333477</v>
      </c>
      <c r="AU31" s="77">
        <v>279584</v>
      </c>
      <c r="AV31" s="77">
        <v>51188</v>
      </c>
      <c r="AW31" s="77">
        <v>58412</v>
      </c>
      <c r="AX31" s="77">
        <v>90210</v>
      </c>
      <c r="AY31" s="77">
        <v>144929</v>
      </c>
      <c r="AZ31" s="77">
        <v>153856</v>
      </c>
      <c r="BA31" s="77">
        <v>237653</v>
      </c>
      <c r="BB31" s="77">
        <v>22382</v>
      </c>
      <c r="BC31" s="77">
        <v>184189</v>
      </c>
      <c r="BD31" s="77">
        <v>292034</v>
      </c>
      <c r="BE31" s="77">
        <v>113171</v>
      </c>
      <c r="BF31" s="77">
        <v>167822</v>
      </c>
      <c r="BG31" s="77">
        <v>292865</v>
      </c>
      <c r="BH31" s="77">
        <v>270602</v>
      </c>
      <c r="BI31" s="77">
        <v>294070</v>
      </c>
      <c r="BJ31" s="77">
        <v>2748185</v>
      </c>
      <c r="BK31" s="77">
        <v>782101</v>
      </c>
      <c r="BL31" s="77">
        <v>1324264</v>
      </c>
      <c r="BM31" s="77">
        <v>1770386</v>
      </c>
      <c r="BN31" s="79">
        <v>56736329</v>
      </c>
    </row>
    <row r="32" spans="1:66" ht="10" customHeight="1">
      <c r="A32" s="205" t="s">
        <v>219</v>
      </c>
      <c r="B32" s="217" t="s">
        <v>220</v>
      </c>
      <c r="C32" s="209"/>
      <c r="D32" s="209"/>
      <c r="E32" s="210"/>
      <c r="F32" s="6"/>
      <c r="G32" s="6"/>
      <c r="H32" s="6"/>
      <c r="I32" s="6"/>
      <c r="J32" s="6"/>
      <c r="K32" s="51">
        <v>4336626</v>
      </c>
      <c r="L32" s="51">
        <v>908674</v>
      </c>
      <c r="M32" s="51">
        <v>409014</v>
      </c>
      <c r="N32" s="51">
        <v>2765602</v>
      </c>
      <c r="O32" s="51">
        <v>348062</v>
      </c>
      <c r="P32" s="51">
        <v>2403884</v>
      </c>
      <c r="Q32" s="51">
        <v>0</v>
      </c>
      <c r="R32" s="51">
        <v>0</v>
      </c>
      <c r="S32" s="51">
        <v>448279</v>
      </c>
      <c r="T32" s="51">
        <v>48684</v>
      </c>
      <c r="U32" s="51">
        <v>620494</v>
      </c>
      <c r="V32" s="51">
        <v>842859</v>
      </c>
      <c r="W32" s="51">
        <v>464339</v>
      </c>
      <c r="X32" s="51">
        <v>470802</v>
      </c>
      <c r="Y32" s="51">
        <v>486033</v>
      </c>
      <c r="Z32" s="51">
        <v>197785</v>
      </c>
      <c r="AA32" s="51">
        <v>1385798</v>
      </c>
      <c r="AB32" s="51">
        <v>330</v>
      </c>
      <c r="AC32" s="51">
        <v>201561</v>
      </c>
      <c r="AD32" s="51">
        <v>538861</v>
      </c>
      <c r="AE32" s="51">
        <v>75390</v>
      </c>
      <c r="AF32" s="51">
        <v>355454</v>
      </c>
      <c r="AG32" s="51">
        <v>436005</v>
      </c>
      <c r="AH32" s="51">
        <v>171838</v>
      </c>
      <c r="AI32" s="51">
        <v>846856</v>
      </c>
      <c r="AJ32" s="51">
        <v>330403</v>
      </c>
      <c r="AK32" s="51">
        <v>277887</v>
      </c>
      <c r="AL32" s="51">
        <v>707402</v>
      </c>
      <c r="AM32" s="51">
        <v>0</v>
      </c>
      <c r="AN32" s="51">
        <v>128777</v>
      </c>
      <c r="AO32" s="51">
        <v>91292</v>
      </c>
      <c r="AP32" s="51">
        <v>377582</v>
      </c>
      <c r="AQ32" s="51">
        <v>0</v>
      </c>
      <c r="AR32" s="51">
        <v>435455</v>
      </c>
      <c r="AS32" s="51">
        <v>357114</v>
      </c>
      <c r="AT32" s="51">
        <v>300929</v>
      </c>
      <c r="AU32" s="51">
        <v>126745</v>
      </c>
      <c r="AV32" s="51">
        <v>51188</v>
      </c>
      <c r="AW32" s="51">
        <v>36252</v>
      </c>
      <c r="AX32" s="51">
        <v>0</v>
      </c>
      <c r="AY32" s="51">
        <v>136772</v>
      </c>
      <c r="AZ32" s="51">
        <v>138871</v>
      </c>
      <c r="BA32" s="51">
        <v>152932</v>
      </c>
      <c r="BB32" s="51">
        <v>18248</v>
      </c>
      <c r="BC32" s="51">
        <v>120213</v>
      </c>
      <c r="BD32" s="51">
        <v>0</v>
      </c>
      <c r="BE32" s="51">
        <v>0</v>
      </c>
      <c r="BF32" s="51">
        <v>0</v>
      </c>
      <c r="BG32" s="51">
        <v>0</v>
      </c>
      <c r="BH32" s="51">
        <v>121889</v>
      </c>
      <c r="BI32" s="51">
        <v>0</v>
      </c>
      <c r="BJ32" s="51">
        <v>1546030</v>
      </c>
      <c r="BK32" s="51">
        <v>503421</v>
      </c>
      <c r="BL32" s="51">
        <v>995808</v>
      </c>
      <c r="BM32" s="51">
        <v>1165682</v>
      </c>
      <c r="BN32" s="50">
        <v>26884122</v>
      </c>
    </row>
    <row r="33" spans="1:66" ht="10" customHeight="1">
      <c r="A33" s="206"/>
      <c r="B33" s="217" t="s">
        <v>221</v>
      </c>
      <c r="C33" s="209"/>
      <c r="D33" s="209"/>
      <c r="E33" s="210"/>
      <c r="F33" s="6"/>
      <c r="G33" s="6"/>
      <c r="H33" s="6"/>
      <c r="I33" s="6"/>
      <c r="J33" s="6"/>
      <c r="K33" s="51">
        <v>1437237</v>
      </c>
      <c r="L33" s="51">
        <v>493450</v>
      </c>
      <c r="M33" s="51">
        <v>58961</v>
      </c>
      <c r="N33" s="51">
        <v>9164</v>
      </c>
      <c r="O33" s="51">
        <v>252056</v>
      </c>
      <c r="P33" s="51">
        <v>2121</v>
      </c>
      <c r="Q33" s="51">
        <v>457036</v>
      </c>
      <c r="R33" s="51">
        <v>669356</v>
      </c>
      <c r="S33" s="51">
        <v>115453</v>
      </c>
      <c r="T33" s="51">
        <v>0</v>
      </c>
      <c r="U33" s="51">
        <v>0</v>
      </c>
      <c r="V33" s="51">
        <v>0</v>
      </c>
      <c r="W33" s="51">
        <v>0</v>
      </c>
      <c r="X33" s="51">
        <v>0</v>
      </c>
      <c r="Y33" s="51">
        <v>515189</v>
      </c>
      <c r="Z33" s="51">
        <v>0</v>
      </c>
      <c r="AA33" s="51">
        <v>0</v>
      </c>
      <c r="AB33" s="51">
        <v>438933</v>
      </c>
      <c r="AC33" s="51">
        <v>627653</v>
      </c>
      <c r="AD33" s="51">
        <v>0</v>
      </c>
      <c r="AE33" s="51">
        <v>539915</v>
      </c>
      <c r="AF33" s="51">
        <v>0</v>
      </c>
      <c r="AG33" s="51">
        <v>0</v>
      </c>
      <c r="AH33" s="51">
        <v>0</v>
      </c>
      <c r="AI33" s="51">
        <v>787383</v>
      </c>
      <c r="AJ33" s="51">
        <v>0</v>
      </c>
      <c r="AK33" s="51">
        <v>27242</v>
      </c>
      <c r="AL33" s="51">
        <v>0</v>
      </c>
      <c r="AM33" s="51">
        <v>230559</v>
      </c>
      <c r="AN33" s="51">
        <v>173558</v>
      </c>
      <c r="AO33" s="51">
        <v>0</v>
      </c>
      <c r="AP33" s="51">
        <v>0</v>
      </c>
      <c r="AQ33" s="51">
        <v>272692</v>
      </c>
      <c r="AR33" s="51">
        <v>0</v>
      </c>
      <c r="AS33" s="51">
        <v>0</v>
      </c>
      <c r="AT33" s="51">
        <v>0</v>
      </c>
      <c r="AU33" s="51">
        <v>0</v>
      </c>
      <c r="AV33" s="51">
        <v>0</v>
      </c>
      <c r="AW33" s="51">
        <v>0</v>
      </c>
      <c r="AX33" s="51">
        <v>0</v>
      </c>
      <c r="AY33" s="51">
        <v>0</v>
      </c>
      <c r="AZ33" s="51">
        <v>0</v>
      </c>
      <c r="BA33" s="51">
        <v>66198</v>
      </c>
      <c r="BB33" s="51">
        <v>0</v>
      </c>
      <c r="BC33" s="51">
        <v>0</v>
      </c>
      <c r="BD33" s="51">
        <v>69057</v>
      </c>
      <c r="BE33" s="51">
        <v>73251</v>
      </c>
      <c r="BF33" s="51">
        <v>110956</v>
      </c>
      <c r="BG33" s="51">
        <v>197134</v>
      </c>
      <c r="BH33" s="51">
        <v>0</v>
      </c>
      <c r="BI33" s="51">
        <v>257911</v>
      </c>
      <c r="BJ33" s="51">
        <v>0</v>
      </c>
      <c r="BK33" s="51">
        <v>0</v>
      </c>
      <c r="BL33" s="51">
        <v>0</v>
      </c>
      <c r="BM33" s="51">
        <v>0</v>
      </c>
      <c r="BN33" s="50">
        <v>7882465</v>
      </c>
    </row>
    <row r="34" spans="1:66" ht="10" customHeight="1">
      <c r="A34" s="206"/>
      <c r="B34" s="217" t="s">
        <v>222</v>
      </c>
      <c r="C34" s="209"/>
      <c r="D34" s="209"/>
      <c r="E34" s="210"/>
      <c r="F34" s="6"/>
      <c r="G34" s="6"/>
      <c r="H34" s="6"/>
      <c r="I34" s="6"/>
      <c r="J34" s="6"/>
      <c r="K34" s="51">
        <v>0</v>
      </c>
      <c r="L34" s="51">
        <v>0</v>
      </c>
      <c r="M34" s="51">
        <v>0</v>
      </c>
      <c r="N34" s="51">
        <v>0</v>
      </c>
      <c r="O34" s="51">
        <v>0</v>
      </c>
      <c r="P34" s="51">
        <v>0</v>
      </c>
      <c r="Q34" s="51">
        <v>0</v>
      </c>
      <c r="R34" s="51">
        <v>0</v>
      </c>
      <c r="S34" s="51">
        <v>0</v>
      </c>
      <c r="T34" s="51">
        <v>0</v>
      </c>
      <c r="U34" s="51">
        <v>0</v>
      </c>
      <c r="V34" s="51">
        <v>0</v>
      </c>
      <c r="W34" s="51">
        <v>0</v>
      </c>
      <c r="X34" s="51">
        <v>0</v>
      </c>
      <c r="Y34" s="51">
        <v>0</v>
      </c>
      <c r="Z34" s="51">
        <v>0</v>
      </c>
      <c r="AA34" s="51">
        <v>0</v>
      </c>
      <c r="AB34" s="51">
        <v>0</v>
      </c>
      <c r="AC34" s="51">
        <v>0</v>
      </c>
      <c r="AD34" s="51">
        <v>0</v>
      </c>
      <c r="AE34" s="51">
        <v>0</v>
      </c>
      <c r="AF34" s="51">
        <v>0</v>
      </c>
      <c r="AG34" s="51">
        <v>0</v>
      </c>
      <c r="AH34" s="51">
        <v>0</v>
      </c>
      <c r="AI34" s="51">
        <v>0</v>
      </c>
      <c r="AJ34" s="51">
        <v>0</v>
      </c>
      <c r="AK34" s="51">
        <v>0</v>
      </c>
      <c r="AL34" s="51">
        <v>0</v>
      </c>
      <c r="AM34" s="51">
        <v>0</v>
      </c>
      <c r="AN34" s="51">
        <v>0</v>
      </c>
      <c r="AO34" s="51">
        <v>0</v>
      </c>
      <c r="AP34" s="51">
        <v>0</v>
      </c>
      <c r="AQ34" s="51">
        <v>0</v>
      </c>
      <c r="AR34" s="51">
        <v>0</v>
      </c>
      <c r="AS34" s="51">
        <v>0</v>
      </c>
      <c r="AT34" s="51">
        <v>0</v>
      </c>
      <c r="AU34" s="51">
        <v>0</v>
      </c>
      <c r="AV34" s="51">
        <v>0</v>
      </c>
      <c r="AW34" s="51">
        <v>0</v>
      </c>
      <c r="AX34" s="51">
        <v>0</v>
      </c>
      <c r="AY34" s="51">
        <v>0</v>
      </c>
      <c r="AZ34" s="51">
        <v>0</v>
      </c>
      <c r="BA34" s="51">
        <v>0</v>
      </c>
      <c r="BB34" s="51">
        <v>0</v>
      </c>
      <c r="BC34" s="51">
        <v>0</v>
      </c>
      <c r="BD34" s="51">
        <v>0</v>
      </c>
      <c r="BE34" s="51">
        <v>0</v>
      </c>
      <c r="BF34" s="51">
        <v>0</v>
      </c>
      <c r="BG34" s="51">
        <v>0</v>
      </c>
      <c r="BH34" s="51">
        <v>0</v>
      </c>
      <c r="BI34" s="51">
        <v>0</v>
      </c>
      <c r="BJ34" s="51">
        <v>0</v>
      </c>
      <c r="BK34" s="51">
        <v>0</v>
      </c>
      <c r="BL34" s="51">
        <v>0</v>
      </c>
      <c r="BM34" s="51">
        <v>0</v>
      </c>
      <c r="BN34" s="50">
        <v>0</v>
      </c>
    </row>
    <row r="35" spans="1:66" ht="10" customHeight="1">
      <c r="A35" s="206"/>
      <c r="B35" s="217" t="s">
        <v>223</v>
      </c>
      <c r="C35" s="209"/>
      <c r="D35" s="209"/>
      <c r="E35" s="210"/>
      <c r="F35" s="6"/>
      <c r="G35" s="6"/>
      <c r="H35" s="6"/>
      <c r="I35" s="6"/>
      <c r="J35" s="6"/>
      <c r="K35" s="51">
        <v>0</v>
      </c>
      <c r="L35" s="51">
        <v>0</v>
      </c>
      <c r="M35" s="51">
        <v>0</v>
      </c>
      <c r="N35" s="51">
        <v>0</v>
      </c>
      <c r="O35" s="51">
        <v>0</v>
      </c>
      <c r="P35" s="51">
        <v>0</v>
      </c>
      <c r="Q35" s="51">
        <v>0</v>
      </c>
      <c r="R35" s="51">
        <v>0</v>
      </c>
      <c r="S35" s="51">
        <v>0</v>
      </c>
      <c r="T35" s="51">
        <v>0</v>
      </c>
      <c r="U35" s="51">
        <v>0</v>
      </c>
      <c r="V35" s="51">
        <v>0</v>
      </c>
      <c r="W35" s="51">
        <v>0</v>
      </c>
      <c r="X35" s="51">
        <v>0</v>
      </c>
      <c r="Y35" s="51">
        <v>0</v>
      </c>
      <c r="Z35" s="51">
        <v>0</v>
      </c>
      <c r="AA35" s="51">
        <v>0</v>
      </c>
      <c r="AB35" s="51">
        <v>0</v>
      </c>
      <c r="AC35" s="51">
        <v>0</v>
      </c>
      <c r="AD35" s="51">
        <v>0</v>
      </c>
      <c r="AE35" s="51">
        <v>0</v>
      </c>
      <c r="AF35" s="51">
        <v>0</v>
      </c>
      <c r="AG35" s="51">
        <v>0</v>
      </c>
      <c r="AH35" s="51">
        <v>0</v>
      </c>
      <c r="AI35" s="51">
        <v>0</v>
      </c>
      <c r="AJ35" s="51">
        <v>0</v>
      </c>
      <c r="AK35" s="51">
        <v>0</v>
      </c>
      <c r="AL35" s="51">
        <v>0</v>
      </c>
      <c r="AM35" s="51">
        <v>0</v>
      </c>
      <c r="AN35" s="51">
        <v>0</v>
      </c>
      <c r="AO35" s="51">
        <v>0</v>
      </c>
      <c r="AP35" s="51">
        <v>0</v>
      </c>
      <c r="AQ35" s="51">
        <v>0</v>
      </c>
      <c r="AR35" s="51">
        <v>0</v>
      </c>
      <c r="AS35" s="51">
        <v>0</v>
      </c>
      <c r="AT35" s="51">
        <v>0</v>
      </c>
      <c r="AU35" s="51">
        <v>0</v>
      </c>
      <c r="AV35" s="51">
        <v>0</v>
      </c>
      <c r="AW35" s="51">
        <v>0</v>
      </c>
      <c r="AX35" s="51">
        <v>0</v>
      </c>
      <c r="AY35" s="51">
        <v>0</v>
      </c>
      <c r="AZ35" s="51">
        <v>0</v>
      </c>
      <c r="BA35" s="51">
        <v>0</v>
      </c>
      <c r="BB35" s="51">
        <v>0</v>
      </c>
      <c r="BC35" s="51">
        <v>0</v>
      </c>
      <c r="BD35" s="51">
        <v>29116</v>
      </c>
      <c r="BE35" s="51">
        <v>0</v>
      </c>
      <c r="BF35" s="51">
        <v>0</v>
      </c>
      <c r="BG35" s="51">
        <v>0</v>
      </c>
      <c r="BH35" s="51">
        <v>0</v>
      </c>
      <c r="BI35" s="51">
        <v>0</v>
      </c>
      <c r="BJ35" s="51">
        <v>0</v>
      </c>
      <c r="BK35" s="51">
        <v>0</v>
      </c>
      <c r="BL35" s="51">
        <v>0</v>
      </c>
      <c r="BM35" s="51">
        <v>0</v>
      </c>
      <c r="BN35" s="50">
        <v>29116</v>
      </c>
    </row>
    <row r="36" spans="1:66" ht="10" customHeight="1">
      <c r="A36" s="206"/>
      <c r="B36" s="217" t="s">
        <v>224</v>
      </c>
      <c r="C36" s="209"/>
      <c r="D36" s="209"/>
      <c r="E36" s="210"/>
      <c r="F36" s="6"/>
      <c r="G36" s="6"/>
      <c r="H36" s="6"/>
      <c r="I36" s="6"/>
      <c r="J36" s="6"/>
      <c r="K36" s="51">
        <v>4259098</v>
      </c>
      <c r="L36" s="51">
        <v>500000</v>
      </c>
      <c r="M36" s="51">
        <v>1200000</v>
      </c>
      <c r="N36" s="51">
        <v>2080000</v>
      </c>
      <c r="O36" s="51">
        <v>350000</v>
      </c>
      <c r="P36" s="51">
        <v>18977</v>
      </c>
      <c r="Q36" s="51">
        <v>116703</v>
      </c>
      <c r="R36" s="51">
        <v>307281</v>
      </c>
      <c r="S36" s="51">
        <v>50000</v>
      </c>
      <c r="T36" s="51">
        <v>90612</v>
      </c>
      <c r="U36" s="51">
        <v>83930</v>
      </c>
      <c r="V36" s="51">
        <v>372342</v>
      </c>
      <c r="W36" s="51">
        <v>0</v>
      </c>
      <c r="X36" s="51">
        <v>180000</v>
      </c>
      <c r="Y36" s="51">
        <v>0</v>
      </c>
      <c r="Z36" s="51">
        <v>300000</v>
      </c>
      <c r="AA36" s="51">
        <v>774618</v>
      </c>
      <c r="AB36" s="51">
        <v>214000</v>
      </c>
      <c r="AC36" s="51">
        <v>177206</v>
      </c>
      <c r="AD36" s="51">
        <v>207101</v>
      </c>
      <c r="AE36" s="51">
        <v>407204</v>
      </c>
      <c r="AF36" s="51">
        <v>0</v>
      </c>
      <c r="AG36" s="51">
        <v>6576</v>
      </c>
      <c r="AH36" s="51">
        <v>130000</v>
      </c>
      <c r="AI36" s="51">
        <v>229114</v>
      </c>
      <c r="AJ36" s="51">
        <v>112285</v>
      </c>
      <c r="AK36" s="51">
        <v>210000</v>
      </c>
      <c r="AL36" s="51">
        <v>0</v>
      </c>
      <c r="AM36" s="51">
        <v>223845</v>
      </c>
      <c r="AN36" s="51">
        <v>0</v>
      </c>
      <c r="AO36" s="51">
        <v>90702</v>
      </c>
      <c r="AP36" s="51">
        <v>64741</v>
      </c>
      <c r="AQ36" s="51">
        <v>183466</v>
      </c>
      <c r="AR36" s="51">
        <v>236406</v>
      </c>
      <c r="AS36" s="51">
        <v>82958</v>
      </c>
      <c r="AT36" s="51">
        <v>0</v>
      </c>
      <c r="AU36" s="51">
        <v>134000</v>
      </c>
      <c r="AV36" s="51">
        <v>0</v>
      </c>
      <c r="AW36" s="51">
        <v>0</v>
      </c>
      <c r="AX36" s="51">
        <v>52037</v>
      </c>
      <c r="AY36" s="51">
        <v>0</v>
      </c>
      <c r="AZ36" s="51">
        <v>0</v>
      </c>
      <c r="BA36" s="51">
        <v>0</v>
      </c>
      <c r="BB36" s="51">
        <v>874</v>
      </c>
      <c r="BC36" s="51">
        <v>50000</v>
      </c>
      <c r="BD36" s="51">
        <v>0</v>
      </c>
      <c r="BE36" s="51">
        <v>33012</v>
      </c>
      <c r="BF36" s="51">
        <v>49726</v>
      </c>
      <c r="BG36" s="51">
        <v>47135</v>
      </c>
      <c r="BH36" s="51">
        <v>114300</v>
      </c>
      <c r="BI36" s="51">
        <v>0</v>
      </c>
      <c r="BJ36" s="51">
        <v>961180</v>
      </c>
      <c r="BK36" s="51">
        <v>215555</v>
      </c>
      <c r="BL36" s="51">
        <v>210491</v>
      </c>
      <c r="BM36" s="51">
        <v>306840</v>
      </c>
      <c r="BN36" s="50">
        <v>15434315</v>
      </c>
    </row>
    <row r="37" spans="1:66" ht="10" customHeight="1">
      <c r="A37" s="206"/>
      <c r="B37" s="217" t="s">
        <v>225</v>
      </c>
      <c r="C37" s="209"/>
      <c r="D37" s="209"/>
      <c r="E37" s="210"/>
      <c r="F37" s="6"/>
      <c r="G37" s="6"/>
      <c r="H37" s="6"/>
      <c r="I37" s="6"/>
      <c r="J37" s="6"/>
      <c r="K37" s="51">
        <v>0</v>
      </c>
      <c r="L37" s="51">
        <v>0</v>
      </c>
      <c r="M37" s="51">
        <v>0</v>
      </c>
      <c r="N37" s="51">
        <v>0</v>
      </c>
      <c r="O37" s="51">
        <v>0</v>
      </c>
      <c r="P37" s="51">
        <v>0</v>
      </c>
      <c r="Q37" s="51">
        <v>0</v>
      </c>
      <c r="R37" s="51">
        <v>0</v>
      </c>
      <c r="S37" s="51">
        <v>1683</v>
      </c>
      <c r="T37" s="51">
        <v>469461</v>
      </c>
      <c r="U37" s="51">
        <v>0</v>
      </c>
      <c r="V37" s="51">
        <v>0</v>
      </c>
      <c r="W37" s="51">
        <v>0</v>
      </c>
      <c r="X37" s="51">
        <v>0</v>
      </c>
      <c r="Y37" s="51">
        <v>0</v>
      </c>
      <c r="Z37" s="51">
        <v>0</v>
      </c>
      <c r="AA37" s="51">
        <v>0</v>
      </c>
      <c r="AB37" s="51">
        <v>0</v>
      </c>
      <c r="AC37" s="51">
        <v>0</v>
      </c>
      <c r="AD37" s="51">
        <v>0</v>
      </c>
      <c r="AE37" s="51">
        <v>0</v>
      </c>
      <c r="AF37" s="51">
        <v>0</v>
      </c>
      <c r="AG37" s="51">
        <v>0</v>
      </c>
      <c r="AH37" s="51">
        <v>0</v>
      </c>
      <c r="AI37" s="51">
        <v>0</v>
      </c>
      <c r="AJ37" s="51">
        <v>0</v>
      </c>
      <c r="AK37" s="51">
        <v>0</v>
      </c>
      <c r="AL37" s="51">
        <v>0</v>
      </c>
      <c r="AM37" s="51">
        <v>0</v>
      </c>
      <c r="AN37" s="51">
        <v>0</v>
      </c>
      <c r="AO37" s="51">
        <v>0</v>
      </c>
      <c r="AP37" s="51">
        <v>0</v>
      </c>
      <c r="AQ37" s="51">
        <v>0</v>
      </c>
      <c r="AR37" s="51">
        <v>0</v>
      </c>
      <c r="AS37" s="51">
        <v>0</v>
      </c>
      <c r="AT37" s="51">
        <v>0</v>
      </c>
      <c r="AU37" s="51">
        <v>0</v>
      </c>
      <c r="AV37" s="51">
        <v>0</v>
      </c>
      <c r="AW37" s="51">
        <v>0</v>
      </c>
      <c r="AX37" s="51">
        <v>0</v>
      </c>
      <c r="AY37" s="51">
        <v>0</v>
      </c>
      <c r="AZ37" s="51">
        <v>0</v>
      </c>
      <c r="BA37" s="51">
        <v>0</v>
      </c>
      <c r="BB37" s="51">
        <v>0</v>
      </c>
      <c r="BC37" s="51">
        <v>0</v>
      </c>
      <c r="BD37" s="51">
        <v>0</v>
      </c>
      <c r="BE37" s="51">
        <v>0</v>
      </c>
      <c r="BF37" s="51">
        <v>0</v>
      </c>
      <c r="BG37" s="51">
        <v>0</v>
      </c>
      <c r="BH37" s="51">
        <v>0</v>
      </c>
      <c r="BI37" s="51">
        <v>0</v>
      </c>
      <c r="BJ37" s="51">
        <v>0</v>
      </c>
      <c r="BK37" s="51">
        <v>0</v>
      </c>
      <c r="BL37" s="51">
        <v>4932</v>
      </c>
      <c r="BM37" s="51">
        <v>8028</v>
      </c>
      <c r="BN37" s="50">
        <v>484104</v>
      </c>
    </row>
    <row r="38" spans="1:66" ht="10" customHeight="1">
      <c r="A38" s="206"/>
      <c r="B38" s="217" t="s">
        <v>26</v>
      </c>
      <c r="C38" s="209"/>
      <c r="D38" s="209"/>
      <c r="E38" s="210"/>
      <c r="F38" s="6"/>
      <c r="G38" s="6"/>
      <c r="H38" s="6"/>
      <c r="I38" s="6"/>
      <c r="J38" s="6"/>
      <c r="K38" s="51">
        <v>1173610</v>
      </c>
      <c r="L38" s="51">
        <v>196411</v>
      </c>
      <c r="M38" s="51">
        <v>192380</v>
      </c>
      <c r="N38" s="51">
        <v>450128</v>
      </c>
      <c r="O38" s="51">
        <v>86036</v>
      </c>
      <c r="P38" s="51">
        <v>233342</v>
      </c>
      <c r="Q38" s="51">
        <v>54453</v>
      </c>
      <c r="R38" s="51">
        <v>65867</v>
      </c>
      <c r="S38" s="51">
        <v>45345</v>
      </c>
      <c r="T38" s="51">
        <v>75810</v>
      </c>
      <c r="U38" s="51">
        <v>74849</v>
      </c>
      <c r="V38" s="51">
        <v>100329</v>
      </c>
      <c r="W38" s="51">
        <v>39785</v>
      </c>
      <c r="X38" s="51">
        <v>44873</v>
      </c>
      <c r="Y38" s="51">
        <v>80259</v>
      </c>
      <c r="Z38" s="51">
        <v>53963</v>
      </c>
      <c r="AA38" s="51">
        <v>226855</v>
      </c>
      <c r="AB38" s="51">
        <v>65312</v>
      </c>
      <c r="AC38" s="51">
        <v>66618</v>
      </c>
      <c r="AD38" s="51">
        <v>187247</v>
      </c>
      <c r="AE38" s="51">
        <v>126784</v>
      </c>
      <c r="AF38" s="51">
        <v>10239</v>
      </c>
      <c r="AG38" s="51">
        <v>38970</v>
      </c>
      <c r="AH38" s="51">
        <v>97080</v>
      </c>
      <c r="AI38" s="51">
        <v>165417</v>
      </c>
      <c r="AJ38" s="51">
        <v>46157</v>
      </c>
      <c r="AK38" s="51">
        <v>40005</v>
      </c>
      <c r="AL38" s="51">
        <v>83937</v>
      </c>
      <c r="AM38" s="51">
        <v>40250</v>
      </c>
      <c r="AN38" s="51">
        <v>33268</v>
      </c>
      <c r="AO38" s="51">
        <v>37633</v>
      </c>
      <c r="AP38" s="51">
        <v>36205</v>
      </c>
      <c r="AQ38" s="51">
        <v>165419</v>
      </c>
      <c r="AR38" s="51">
        <v>116879</v>
      </c>
      <c r="AS38" s="51">
        <v>39724</v>
      </c>
      <c r="AT38" s="51">
        <v>32548</v>
      </c>
      <c r="AU38" s="51">
        <v>18839</v>
      </c>
      <c r="AV38" s="51">
        <v>0</v>
      </c>
      <c r="AW38" s="51">
        <v>22160</v>
      </c>
      <c r="AX38" s="51">
        <v>38173</v>
      </c>
      <c r="AY38" s="51">
        <v>8157</v>
      </c>
      <c r="AZ38" s="51">
        <v>14985</v>
      </c>
      <c r="BA38" s="51">
        <v>18523</v>
      </c>
      <c r="BB38" s="51">
        <v>3260</v>
      </c>
      <c r="BC38" s="51">
        <v>13976</v>
      </c>
      <c r="BD38" s="51">
        <v>193861</v>
      </c>
      <c r="BE38" s="51">
        <v>6908</v>
      </c>
      <c r="BF38" s="51">
        <v>7140</v>
      </c>
      <c r="BG38" s="51">
        <v>48596</v>
      </c>
      <c r="BH38" s="51">
        <v>34413</v>
      </c>
      <c r="BI38" s="51">
        <v>36159</v>
      </c>
      <c r="BJ38" s="51">
        <v>240975</v>
      </c>
      <c r="BK38" s="51">
        <v>63125</v>
      </c>
      <c r="BL38" s="51">
        <v>113033</v>
      </c>
      <c r="BM38" s="51">
        <v>289836</v>
      </c>
      <c r="BN38" s="50">
        <v>5796106</v>
      </c>
    </row>
    <row r="39" spans="1:66" ht="10" customHeight="1">
      <c r="A39" s="207"/>
      <c r="B39" s="217" t="s">
        <v>249</v>
      </c>
      <c r="C39" s="209"/>
      <c r="D39" s="209"/>
      <c r="E39" s="210"/>
      <c r="F39" s="34"/>
      <c r="G39" s="34"/>
      <c r="H39" s="34"/>
      <c r="I39" s="34"/>
      <c r="J39" s="34"/>
      <c r="K39" s="51">
        <v>11206571</v>
      </c>
      <c r="L39" s="51">
        <v>2098535</v>
      </c>
      <c r="M39" s="51">
        <v>1860355</v>
      </c>
      <c r="N39" s="51">
        <v>5304894</v>
      </c>
      <c r="O39" s="51">
        <v>1036154</v>
      </c>
      <c r="P39" s="51">
        <v>2658324</v>
      </c>
      <c r="Q39" s="51">
        <v>628192</v>
      </c>
      <c r="R39" s="51">
        <v>1042504</v>
      </c>
      <c r="S39" s="51">
        <v>660760</v>
      </c>
      <c r="T39" s="51">
        <v>684567</v>
      </c>
      <c r="U39" s="51">
        <v>779273</v>
      </c>
      <c r="V39" s="51">
        <v>1315530</v>
      </c>
      <c r="W39" s="51">
        <v>504124</v>
      </c>
      <c r="X39" s="51">
        <v>695675</v>
      </c>
      <c r="Y39" s="51">
        <v>1081481</v>
      </c>
      <c r="Z39" s="51">
        <v>551748</v>
      </c>
      <c r="AA39" s="51">
        <v>2387271</v>
      </c>
      <c r="AB39" s="51">
        <v>718575</v>
      </c>
      <c r="AC39" s="51">
        <v>1073038</v>
      </c>
      <c r="AD39" s="51">
        <v>933209</v>
      </c>
      <c r="AE39" s="51">
        <v>1149293</v>
      </c>
      <c r="AF39" s="51">
        <v>365693</v>
      </c>
      <c r="AG39" s="51">
        <v>481551</v>
      </c>
      <c r="AH39" s="51">
        <v>398918</v>
      </c>
      <c r="AI39" s="51">
        <v>2028770</v>
      </c>
      <c r="AJ39" s="51">
        <v>488845</v>
      </c>
      <c r="AK39" s="51">
        <v>555134</v>
      </c>
      <c r="AL39" s="51">
        <v>791339</v>
      </c>
      <c r="AM39" s="51">
        <v>494654</v>
      </c>
      <c r="AN39" s="51">
        <v>335603</v>
      </c>
      <c r="AO39" s="51">
        <v>219627</v>
      </c>
      <c r="AP39" s="51">
        <v>478528</v>
      </c>
      <c r="AQ39" s="51">
        <v>621577</v>
      </c>
      <c r="AR39" s="51">
        <v>788740</v>
      </c>
      <c r="AS39" s="51">
        <v>479796</v>
      </c>
      <c r="AT39" s="51">
        <v>333477</v>
      </c>
      <c r="AU39" s="51">
        <v>279584</v>
      </c>
      <c r="AV39" s="51">
        <v>51188</v>
      </c>
      <c r="AW39" s="51">
        <v>58412</v>
      </c>
      <c r="AX39" s="51">
        <v>90210</v>
      </c>
      <c r="AY39" s="51">
        <v>144929</v>
      </c>
      <c r="AZ39" s="51">
        <v>153856</v>
      </c>
      <c r="BA39" s="51">
        <v>237653</v>
      </c>
      <c r="BB39" s="51">
        <v>22382</v>
      </c>
      <c r="BC39" s="51">
        <v>184189</v>
      </c>
      <c r="BD39" s="51">
        <v>292034</v>
      </c>
      <c r="BE39" s="51">
        <v>113171</v>
      </c>
      <c r="BF39" s="51">
        <v>167822</v>
      </c>
      <c r="BG39" s="51">
        <v>292865</v>
      </c>
      <c r="BH39" s="51">
        <v>270602</v>
      </c>
      <c r="BI39" s="51">
        <v>294070</v>
      </c>
      <c r="BJ39" s="51">
        <v>2748185</v>
      </c>
      <c r="BK39" s="51">
        <v>782101</v>
      </c>
      <c r="BL39" s="51">
        <v>1324264</v>
      </c>
      <c r="BM39" s="51">
        <v>1770386</v>
      </c>
      <c r="BN39" s="50">
        <v>56510228</v>
      </c>
    </row>
    <row r="40" spans="1:66" ht="10" customHeight="1">
      <c r="A40" s="216" t="s">
        <v>581</v>
      </c>
      <c r="B40" s="209"/>
      <c r="C40" s="209"/>
      <c r="D40" s="209"/>
      <c r="E40" s="210"/>
      <c r="F40" s="6"/>
      <c r="G40" s="6"/>
      <c r="H40" s="6"/>
      <c r="I40" s="6"/>
      <c r="J40" s="6"/>
      <c r="K40" s="77">
        <v>0</v>
      </c>
      <c r="L40" s="77">
        <v>0</v>
      </c>
      <c r="M40" s="77">
        <v>0</v>
      </c>
      <c r="N40" s="77">
        <v>0</v>
      </c>
      <c r="O40" s="77">
        <v>0</v>
      </c>
      <c r="P40" s="77">
        <v>0</v>
      </c>
      <c r="Q40" s="77">
        <v>0</v>
      </c>
      <c r="R40" s="77">
        <v>0</v>
      </c>
      <c r="S40" s="77">
        <v>49500</v>
      </c>
      <c r="T40" s="77">
        <v>0</v>
      </c>
      <c r="U40" s="77">
        <v>0</v>
      </c>
      <c r="V40" s="77">
        <v>0</v>
      </c>
      <c r="W40" s="77">
        <v>0</v>
      </c>
      <c r="X40" s="77">
        <v>0</v>
      </c>
      <c r="Y40" s="77">
        <v>0</v>
      </c>
      <c r="Z40" s="77">
        <v>0</v>
      </c>
      <c r="AA40" s="77">
        <v>0</v>
      </c>
      <c r="AB40" s="77">
        <v>0</v>
      </c>
      <c r="AC40" s="77">
        <v>0</v>
      </c>
      <c r="AD40" s="77">
        <v>65601</v>
      </c>
      <c r="AE40" s="77">
        <v>111000</v>
      </c>
      <c r="AF40" s="77">
        <v>0</v>
      </c>
      <c r="AG40" s="77">
        <v>0</v>
      </c>
      <c r="AH40" s="77">
        <v>0</v>
      </c>
      <c r="AI40" s="77">
        <v>0</v>
      </c>
      <c r="AJ40" s="77">
        <v>0</v>
      </c>
      <c r="AK40" s="77">
        <v>0</v>
      </c>
      <c r="AL40" s="77">
        <v>0</v>
      </c>
      <c r="AM40" s="77">
        <v>0</v>
      </c>
      <c r="AN40" s="77">
        <v>0</v>
      </c>
      <c r="AO40" s="77">
        <v>0</v>
      </c>
      <c r="AP40" s="77">
        <v>0</v>
      </c>
      <c r="AQ40" s="77">
        <v>0</v>
      </c>
      <c r="AR40" s="77">
        <v>0</v>
      </c>
      <c r="AS40" s="77">
        <v>0</v>
      </c>
      <c r="AT40" s="77">
        <v>0</v>
      </c>
      <c r="AU40" s="77">
        <v>0</v>
      </c>
      <c r="AV40" s="77">
        <v>0</v>
      </c>
      <c r="AW40" s="77">
        <v>0</v>
      </c>
      <c r="AX40" s="77">
        <v>0</v>
      </c>
      <c r="AY40" s="77">
        <v>0</v>
      </c>
      <c r="AZ40" s="77">
        <v>0</v>
      </c>
      <c r="BA40" s="77">
        <v>0</v>
      </c>
      <c r="BB40" s="77">
        <v>0</v>
      </c>
      <c r="BC40" s="77">
        <v>0</v>
      </c>
      <c r="BD40" s="77">
        <v>0</v>
      </c>
      <c r="BE40" s="77">
        <v>0</v>
      </c>
      <c r="BF40" s="77">
        <v>0</v>
      </c>
      <c r="BG40" s="77">
        <v>0</v>
      </c>
      <c r="BH40" s="77">
        <v>0</v>
      </c>
      <c r="BI40" s="77">
        <v>0</v>
      </c>
      <c r="BJ40" s="77">
        <v>0</v>
      </c>
      <c r="BK40" s="77">
        <v>0</v>
      </c>
      <c r="BL40" s="77">
        <v>0</v>
      </c>
      <c r="BM40" s="77">
        <v>0</v>
      </c>
      <c r="BN40" s="79">
        <v>226101</v>
      </c>
    </row>
    <row r="41" spans="1:66" ht="9.75" customHeight="1">
      <c r="A41" s="262" t="s">
        <v>226</v>
      </c>
      <c r="B41" s="250"/>
      <c r="C41" s="250"/>
      <c r="D41" s="250"/>
      <c r="E41" s="251"/>
      <c r="F41" s="6"/>
      <c r="G41" s="6"/>
      <c r="H41" s="6"/>
      <c r="I41" s="6"/>
      <c r="J41" s="6"/>
      <c r="K41" s="51">
        <v>0</v>
      </c>
      <c r="L41" s="51">
        <v>0</v>
      </c>
      <c r="M41" s="51">
        <v>0</v>
      </c>
      <c r="N41" s="51">
        <v>0</v>
      </c>
      <c r="O41" s="51">
        <v>0</v>
      </c>
      <c r="P41" s="51">
        <v>0</v>
      </c>
      <c r="Q41" s="51">
        <v>0</v>
      </c>
      <c r="R41" s="51">
        <v>0</v>
      </c>
      <c r="S41" s="51">
        <v>49500</v>
      </c>
      <c r="T41" s="51">
        <v>0</v>
      </c>
      <c r="U41" s="51">
        <v>0</v>
      </c>
      <c r="V41" s="51">
        <v>0</v>
      </c>
      <c r="W41" s="51">
        <v>0</v>
      </c>
      <c r="X41" s="51">
        <v>0</v>
      </c>
      <c r="Y41" s="51">
        <v>0</v>
      </c>
      <c r="Z41" s="51">
        <v>0</v>
      </c>
      <c r="AA41" s="51">
        <v>0</v>
      </c>
      <c r="AB41" s="51">
        <v>0</v>
      </c>
      <c r="AC41" s="51">
        <v>0</v>
      </c>
      <c r="AD41" s="51">
        <v>65601</v>
      </c>
      <c r="AE41" s="51">
        <v>111000</v>
      </c>
      <c r="AF41" s="51">
        <v>0</v>
      </c>
      <c r="AG41" s="51">
        <v>0</v>
      </c>
      <c r="AH41" s="51">
        <v>0</v>
      </c>
      <c r="AI41" s="51">
        <v>0</v>
      </c>
      <c r="AJ41" s="51">
        <v>0</v>
      </c>
      <c r="AK41" s="51">
        <v>0</v>
      </c>
      <c r="AL41" s="51">
        <v>0</v>
      </c>
      <c r="AM41" s="51">
        <v>0</v>
      </c>
      <c r="AN41" s="51">
        <v>0</v>
      </c>
      <c r="AO41" s="51">
        <v>0</v>
      </c>
      <c r="AP41" s="51">
        <v>0</v>
      </c>
      <c r="AQ41" s="51">
        <v>0</v>
      </c>
      <c r="AR41" s="51">
        <v>0</v>
      </c>
      <c r="AS41" s="51">
        <v>0</v>
      </c>
      <c r="AT41" s="51">
        <v>0</v>
      </c>
      <c r="AU41" s="51">
        <v>0</v>
      </c>
      <c r="AV41" s="51">
        <v>0</v>
      </c>
      <c r="AW41" s="51">
        <v>0</v>
      </c>
      <c r="AX41" s="51">
        <v>0</v>
      </c>
      <c r="AY41" s="51">
        <v>0</v>
      </c>
      <c r="AZ41" s="51">
        <v>0</v>
      </c>
      <c r="BA41" s="51">
        <v>0</v>
      </c>
      <c r="BB41" s="51">
        <v>0</v>
      </c>
      <c r="BC41" s="51">
        <v>0</v>
      </c>
      <c r="BD41" s="51">
        <v>0</v>
      </c>
      <c r="BE41" s="51">
        <v>0</v>
      </c>
      <c r="BF41" s="51">
        <v>0</v>
      </c>
      <c r="BG41" s="51">
        <v>0</v>
      </c>
      <c r="BH41" s="51">
        <v>0</v>
      </c>
      <c r="BI41" s="51">
        <v>0</v>
      </c>
      <c r="BJ41" s="51">
        <v>0</v>
      </c>
      <c r="BK41" s="51">
        <v>0</v>
      </c>
      <c r="BL41" s="51">
        <v>0</v>
      </c>
      <c r="BM41" s="51">
        <v>0</v>
      </c>
      <c r="BN41" s="50">
        <v>226101</v>
      </c>
    </row>
    <row r="42" spans="1:66" ht="10" customHeight="1">
      <c r="A42" s="216" t="s">
        <v>544</v>
      </c>
      <c r="B42" s="209"/>
      <c r="C42" s="209"/>
      <c r="D42" s="209"/>
      <c r="E42" s="210"/>
      <c r="F42" s="13"/>
      <c r="G42" s="13"/>
      <c r="H42" s="13"/>
      <c r="I42" s="13"/>
      <c r="J42" s="13"/>
      <c r="K42" s="51">
        <v>0</v>
      </c>
      <c r="L42" s="51">
        <v>0</v>
      </c>
      <c r="M42" s="51">
        <v>0</v>
      </c>
      <c r="N42" s="51">
        <v>0</v>
      </c>
      <c r="O42" s="51">
        <v>0</v>
      </c>
      <c r="P42" s="51">
        <v>0</v>
      </c>
      <c r="Q42" s="51">
        <v>0</v>
      </c>
      <c r="R42" s="51">
        <v>0</v>
      </c>
      <c r="S42" s="51">
        <v>0</v>
      </c>
      <c r="T42" s="51">
        <v>0</v>
      </c>
      <c r="U42" s="51">
        <v>0</v>
      </c>
      <c r="V42" s="51">
        <v>0</v>
      </c>
      <c r="W42" s="51">
        <v>0</v>
      </c>
      <c r="X42" s="51">
        <v>0</v>
      </c>
      <c r="Y42" s="51">
        <v>0</v>
      </c>
      <c r="Z42" s="51">
        <v>0</v>
      </c>
      <c r="AA42" s="51">
        <v>0</v>
      </c>
      <c r="AB42" s="51">
        <v>0</v>
      </c>
      <c r="AC42" s="51">
        <v>0</v>
      </c>
      <c r="AD42" s="51">
        <v>0</v>
      </c>
      <c r="AE42" s="51">
        <v>0</v>
      </c>
      <c r="AF42" s="51">
        <v>0</v>
      </c>
      <c r="AG42" s="51">
        <v>0</v>
      </c>
      <c r="AH42" s="51">
        <v>0</v>
      </c>
      <c r="AI42" s="51">
        <v>0</v>
      </c>
      <c r="AJ42" s="51">
        <v>0</v>
      </c>
      <c r="AK42" s="51">
        <v>0</v>
      </c>
      <c r="AL42" s="51">
        <v>0</v>
      </c>
      <c r="AM42" s="51">
        <v>0</v>
      </c>
      <c r="AN42" s="51">
        <v>0</v>
      </c>
      <c r="AO42" s="51">
        <v>0</v>
      </c>
      <c r="AP42" s="51">
        <v>0</v>
      </c>
      <c r="AQ42" s="51">
        <v>0</v>
      </c>
      <c r="AR42" s="51">
        <v>0</v>
      </c>
      <c r="AS42" s="51">
        <v>0</v>
      </c>
      <c r="AT42" s="51">
        <v>0</v>
      </c>
      <c r="AU42" s="51">
        <v>0</v>
      </c>
      <c r="AV42" s="51">
        <v>0</v>
      </c>
      <c r="AW42" s="51">
        <v>0</v>
      </c>
      <c r="AX42" s="51">
        <v>0</v>
      </c>
      <c r="AY42" s="51">
        <v>0</v>
      </c>
      <c r="AZ42" s="51">
        <v>0</v>
      </c>
      <c r="BA42" s="51">
        <v>0</v>
      </c>
      <c r="BB42" s="51">
        <v>0</v>
      </c>
      <c r="BC42" s="51">
        <v>0</v>
      </c>
      <c r="BD42" s="51">
        <v>0</v>
      </c>
      <c r="BE42" s="51">
        <v>0</v>
      </c>
      <c r="BF42" s="51">
        <v>0</v>
      </c>
      <c r="BG42" s="51">
        <v>0</v>
      </c>
      <c r="BH42" s="51">
        <v>0</v>
      </c>
      <c r="BI42" s="51">
        <v>0</v>
      </c>
      <c r="BJ42" s="51">
        <v>0</v>
      </c>
      <c r="BK42" s="51">
        <v>0</v>
      </c>
      <c r="BL42" s="51">
        <v>0</v>
      </c>
      <c r="BM42" s="51">
        <v>0</v>
      </c>
      <c r="BN42" s="50">
        <v>0</v>
      </c>
    </row>
    <row r="43" spans="1:66" ht="10" customHeight="1">
      <c r="A43" s="256" t="s">
        <v>227</v>
      </c>
      <c r="B43" s="257"/>
      <c r="C43" s="252" t="s">
        <v>200</v>
      </c>
      <c r="D43" s="217" t="s">
        <v>557</v>
      </c>
      <c r="E43" s="210"/>
      <c r="F43" s="6"/>
      <c r="G43" s="6"/>
      <c r="H43" s="6"/>
      <c r="I43" s="6"/>
      <c r="J43" s="6"/>
      <c r="K43" s="51">
        <v>0</v>
      </c>
      <c r="L43" s="51">
        <v>800000</v>
      </c>
      <c r="M43" s="51">
        <v>0</v>
      </c>
      <c r="N43" s="51">
        <v>1522200</v>
      </c>
      <c r="O43" s="51">
        <v>0</v>
      </c>
      <c r="P43" s="51">
        <v>1103000</v>
      </c>
      <c r="Q43" s="51">
        <v>179000</v>
      </c>
      <c r="R43" s="51">
        <v>0</v>
      </c>
      <c r="S43" s="51">
        <v>0</v>
      </c>
      <c r="T43" s="51">
        <v>0</v>
      </c>
      <c r="U43" s="51">
        <v>0</v>
      </c>
      <c r="V43" s="51">
        <v>0</v>
      </c>
      <c r="W43" s="51">
        <v>0</v>
      </c>
      <c r="X43" s="51">
        <v>0</v>
      </c>
      <c r="Y43" s="51">
        <v>275000</v>
      </c>
      <c r="Z43" s="51">
        <v>0</v>
      </c>
      <c r="AA43" s="51">
        <v>0</v>
      </c>
      <c r="AB43" s="51">
        <v>0</v>
      </c>
      <c r="AC43" s="51">
        <v>0</v>
      </c>
      <c r="AD43" s="51">
        <v>0</v>
      </c>
      <c r="AE43" s="51">
        <v>0</v>
      </c>
      <c r="AF43" s="51">
        <v>0</v>
      </c>
      <c r="AG43" s="51">
        <v>0</v>
      </c>
      <c r="AH43" s="51">
        <v>0</v>
      </c>
      <c r="AI43" s="51">
        <v>0</v>
      </c>
      <c r="AJ43" s="51">
        <v>0</v>
      </c>
      <c r="AK43" s="51">
        <v>0</v>
      </c>
      <c r="AL43" s="51">
        <v>0</v>
      </c>
      <c r="AM43" s="51">
        <v>0</v>
      </c>
      <c r="AN43" s="51">
        <v>0</v>
      </c>
      <c r="AO43" s="51">
        <v>0</v>
      </c>
      <c r="AP43" s="51">
        <v>0</v>
      </c>
      <c r="AQ43" s="51">
        <v>0</v>
      </c>
      <c r="AR43" s="51">
        <v>0</v>
      </c>
      <c r="AS43" s="51">
        <v>0</v>
      </c>
      <c r="AT43" s="51">
        <v>0</v>
      </c>
      <c r="AU43" s="51">
        <v>0</v>
      </c>
      <c r="AV43" s="51">
        <v>0</v>
      </c>
      <c r="AW43" s="51">
        <v>0</v>
      </c>
      <c r="AX43" s="51">
        <v>0</v>
      </c>
      <c r="AY43" s="51">
        <v>0</v>
      </c>
      <c r="AZ43" s="51">
        <v>0</v>
      </c>
      <c r="BA43" s="51">
        <v>0</v>
      </c>
      <c r="BB43" s="51">
        <v>0</v>
      </c>
      <c r="BC43" s="51">
        <v>45000</v>
      </c>
      <c r="BD43" s="51">
        <v>0</v>
      </c>
      <c r="BE43" s="51">
        <v>0</v>
      </c>
      <c r="BF43" s="51">
        <v>271900</v>
      </c>
      <c r="BG43" s="51">
        <v>0</v>
      </c>
      <c r="BH43" s="51">
        <v>0</v>
      </c>
      <c r="BI43" s="51">
        <v>0</v>
      </c>
      <c r="BJ43" s="51">
        <v>0</v>
      </c>
      <c r="BK43" s="51">
        <v>0</v>
      </c>
      <c r="BL43" s="51">
        <v>0</v>
      </c>
      <c r="BM43" s="51">
        <v>0</v>
      </c>
      <c r="BN43" s="50">
        <v>4196100</v>
      </c>
    </row>
    <row r="44" spans="1:66" ht="10" customHeight="1">
      <c r="A44" s="258"/>
      <c r="B44" s="259"/>
      <c r="C44" s="253"/>
      <c r="D44" s="217" t="s">
        <v>558</v>
      </c>
      <c r="E44" s="210"/>
      <c r="F44" s="6"/>
      <c r="G44" s="6"/>
      <c r="H44" s="6"/>
      <c r="I44" s="6"/>
      <c r="J44" s="6"/>
      <c r="K44" s="51">
        <v>0</v>
      </c>
      <c r="L44" s="51">
        <v>0</v>
      </c>
      <c r="M44" s="51">
        <v>900000</v>
      </c>
      <c r="N44" s="51">
        <v>0</v>
      </c>
      <c r="O44" s="51">
        <v>360000</v>
      </c>
      <c r="P44" s="51">
        <v>0</v>
      </c>
      <c r="Q44" s="51">
        <v>0</v>
      </c>
      <c r="R44" s="51">
        <v>326500</v>
      </c>
      <c r="S44" s="51">
        <v>104400</v>
      </c>
      <c r="T44" s="51">
        <v>0</v>
      </c>
      <c r="U44" s="51">
        <v>545700</v>
      </c>
      <c r="V44" s="51">
        <v>14500</v>
      </c>
      <c r="W44" s="51">
        <v>29400</v>
      </c>
      <c r="X44" s="51">
        <v>268600</v>
      </c>
      <c r="Y44" s="51">
        <v>0</v>
      </c>
      <c r="Z44" s="51">
        <v>44100</v>
      </c>
      <c r="AA44" s="51">
        <v>269700</v>
      </c>
      <c r="AB44" s="51">
        <v>139800</v>
      </c>
      <c r="AC44" s="51">
        <v>5500</v>
      </c>
      <c r="AD44" s="51">
        <v>290300</v>
      </c>
      <c r="AE44" s="51">
        <v>277000</v>
      </c>
      <c r="AF44" s="51">
        <v>0</v>
      </c>
      <c r="AG44" s="51">
        <v>0</v>
      </c>
      <c r="AH44" s="51">
        <v>0</v>
      </c>
      <c r="AI44" s="51">
        <v>0</v>
      </c>
      <c r="AJ44" s="51">
        <v>180000</v>
      </c>
      <c r="AK44" s="51">
        <v>0</v>
      </c>
      <c r="AL44" s="51">
        <v>415000</v>
      </c>
      <c r="AM44" s="51">
        <v>0</v>
      </c>
      <c r="AN44" s="51">
        <v>0</v>
      </c>
      <c r="AO44" s="51">
        <v>10100</v>
      </c>
      <c r="AP44" s="51">
        <v>191700</v>
      </c>
      <c r="AQ44" s="51">
        <v>0</v>
      </c>
      <c r="AR44" s="51">
        <v>419900</v>
      </c>
      <c r="AS44" s="51">
        <v>0</v>
      </c>
      <c r="AT44" s="51">
        <v>19700</v>
      </c>
      <c r="AU44" s="51">
        <v>7200</v>
      </c>
      <c r="AV44" s="51">
        <v>0</v>
      </c>
      <c r="AW44" s="51">
        <v>220000</v>
      </c>
      <c r="AX44" s="51">
        <v>172000</v>
      </c>
      <c r="AY44" s="51">
        <v>0</v>
      </c>
      <c r="AZ44" s="51">
        <v>69200</v>
      </c>
      <c r="BA44" s="51">
        <v>61400</v>
      </c>
      <c r="BB44" s="51">
        <v>0</v>
      </c>
      <c r="BC44" s="51">
        <v>0</v>
      </c>
      <c r="BD44" s="51">
        <v>272400</v>
      </c>
      <c r="BE44" s="51">
        <v>0</v>
      </c>
      <c r="BF44" s="51">
        <v>0</v>
      </c>
      <c r="BG44" s="51">
        <v>36500</v>
      </c>
      <c r="BH44" s="51">
        <v>662900</v>
      </c>
      <c r="BI44" s="51">
        <v>21700</v>
      </c>
      <c r="BJ44" s="51">
        <v>115800</v>
      </c>
      <c r="BK44" s="51">
        <v>0</v>
      </c>
      <c r="BL44" s="51">
        <v>0</v>
      </c>
      <c r="BM44" s="51">
        <v>800000</v>
      </c>
      <c r="BN44" s="50">
        <v>7251000</v>
      </c>
    </row>
    <row r="45" spans="1:66" ht="10" customHeight="1">
      <c r="A45" s="258"/>
      <c r="B45" s="259"/>
      <c r="C45" s="254"/>
      <c r="D45" s="217" t="s">
        <v>26</v>
      </c>
      <c r="E45" s="210"/>
      <c r="F45" s="6"/>
      <c r="G45" s="6"/>
      <c r="H45" s="6"/>
      <c r="I45" s="6"/>
      <c r="J45" s="6"/>
      <c r="K45" s="51">
        <v>6905000</v>
      </c>
      <c r="L45" s="51">
        <v>0</v>
      </c>
      <c r="M45" s="51">
        <v>151500</v>
      </c>
      <c r="N45" s="51">
        <v>0</v>
      </c>
      <c r="O45" s="51">
        <v>0</v>
      </c>
      <c r="P45" s="51">
        <v>0</v>
      </c>
      <c r="Q45" s="51">
        <v>0</v>
      </c>
      <c r="R45" s="51">
        <v>0</v>
      </c>
      <c r="S45" s="51">
        <v>174000</v>
      </c>
      <c r="T45" s="51">
        <v>0</v>
      </c>
      <c r="U45" s="51">
        <v>0</v>
      </c>
      <c r="V45" s="51">
        <v>0</v>
      </c>
      <c r="W45" s="51">
        <v>120600</v>
      </c>
      <c r="X45" s="51">
        <v>0</v>
      </c>
      <c r="Y45" s="51">
        <v>190000</v>
      </c>
      <c r="Z45" s="51">
        <v>366000</v>
      </c>
      <c r="AA45" s="51">
        <v>0</v>
      </c>
      <c r="AB45" s="51">
        <v>0</v>
      </c>
      <c r="AC45" s="51">
        <v>16700</v>
      </c>
      <c r="AD45" s="51">
        <v>0</v>
      </c>
      <c r="AE45" s="51">
        <v>504000</v>
      </c>
      <c r="AF45" s="51">
        <v>0</v>
      </c>
      <c r="AG45" s="51">
        <v>0</v>
      </c>
      <c r="AH45" s="51">
        <v>400000</v>
      </c>
      <c r="AI45" s="51">
        <v>0</v>
      </c>
      <c r="AJ45" s="51">
        <v>0</v>
      </c>
      <c r="AK45" s="51">
        <v>0</v>
      </c>
      <c r="AL45" s="51">
        <v>0</v>
      </c>
      <c r="AM45" s="51">
        <v>82000</v>
      </c>
      <c r="AN45" s="51">
        <v>169500</v>
      </c>
      <c r="AO45" s="51">
        <v>348400</v>
      </c>
      <c r="AP45" s="51">
        <v>0</v>
      </c>
      <c r="AQ45" s="51">
        <v>140500</v>
      </c>
      <c r="AR45" s="51">
        <v>200000</v>
      </c>
      <c r="AS45" s="51">
        <v>0</v>
      </c>
      <c r="AT45" s="51">
        <v>180000</v>
      </c>
      <c r="AU45" s="51">
        <v>70000</v>
      </c>
      <c r="AV45" s="51">
        <v>0</v>
      </c>
      <c r="AW45" s="51">
        <v>0</v>
      </c>
      <c r="AX45" s="51">
        <v>170000</v>
      </c>
      <c r="AY45" s="51">
        <v>0</v>
      </c>
      <c r="AZ45" s="51">
        <v>0</v>
      </c>
      <c r="BA45" s="51">
        <v>0</v>
      </c>
      <c r="BB45" s="51">
        <v>0</v>
      </c>
      <c r="BC45" s="51">
        <v>0</v>
      </c>
      <c r="BD45" s="51">
        <v>257000</v>
      </c>
      <c r="BE45" s="51">
        <v>0</v>
      </c>
      <c r="BF45" s="51">
        <v>0</v>
      </c>
      <c r="BG45" s="51">
        <v>213500</v>
      </c>
      <c r="BH45" s="51">
        <v>0</v>
      </c>
      <c r="BI45" s="51">
        <v>230000</v>
      </c>
      <c r="BJ45" s="51">
        <v>870200</v>
      </c>
      <c r="BK45" s="51">
        <v>0</v>
      </c>
      <c r="BL45" s="51">
        <v>0</v>
      </c>
      <c r="BM45" s="51">
        <v>0</v>
      </c>
      <c r="BN45" s="50">
        <v>11758900</v>
      </c>
    </row>
    <row r="46" spans="1:66" ht="10" customHeight="1">
      <c r="A46" s="258"/>
      <c r="B46" s="259"/>
      <c r="C46" s="217" t="s">
        <v>207</v>
      </c>
      <c r="D46" s="209"/>
      <c r="E46" s="210"/>
      <c r="F46" s="6"/>
      <c r="G46" s="6"/>
      <c r="H46" s="6"/>
      <c r="I46" s="6"/>
      <c r="J46" s="6"/>
      <c r="K46" s="51">
        <v>0</v>
      </c>
      <c r="L46" s="51">
        <v>0</v>
      </c>
      <c r="M46" s="51">
        <v>18756</v>
      </c>
      <c r="N46" s="51">
        <v>0</v>
      </c>
      <c r="O46" s="51">
        <v>0</v>
      </c>
      <c r="P46" s="51">
        <v>550</v>
      </c>
      <c r="Q46" s="51">
        <v>2350</v>
      </c>
      <c r="R46" s="51">
        <v>0</v>
      </c>
      <c r="S46" s="51">
        <v>0</v>
      </c>
      <c r="T46" s="51">
        <v>0</v>
      </c>
      <c r="U46" s="51">
        <v>0</v>
      </c>
      <c r="V46" s="51">
        <v>55919</v>
      </c>
      <c r="W46" s="51">
        <v>0</v>
      </c>
      <c r="X46" s="51">
        <v>0</v>
      </c>
      <c r="Y46" s="51">
        <v>0</v>
      </c>
      <c r="Z46" s="51">
        <v>0</v>
      </c>
      <c r="AA46" s="51">
        <v>0</v>
      </c>
      <c r="AB46" s="51">
        <v>0</v>
      </c>
      <c r="AC46" s="51">
        <v>0</v>
      </c>
      <c r="AD46" s="51">
        <v>0</v>
      </c>
      <c r="AE46" s="51">
        <v>0</v>
      </c>
      <c r="AF46" s="51">
        <v>0</v>
      </c>
      <c r="AG46" s="51">
        <v>0</v>
      </c>
      <c r="AH46" s="51">
        <v>0</v>
      </c>
      <c r="AI46" s="51">
        <v>0</v>
      </c>
      <c r="AJ46" s="51">
        <v>0</v>
      </c>
      <c r="AK46" s="51">
        <v>0</v>
      </c>
      <c r="AL46" s="51">
        <v>0</v>
      </c>
      <c r="AM46" s="51">
        <v>4815</v>
      </c>
      <c r="AN46" s="51">
        <v>0</v>
      </c>
      <c r="AO46" s="51">
        <v>0</v>
      </c>
      <c r="AP46" s="51">
        <v>24173</v>
      </c>
      <c r="AQ46" s="51">
        <v>0</v>
      </c>
      <c r="AR46" s="51">
        <v>6873</v>
      </c>
      <c r="AS46" s="51">
        <v>23671</v>
      </c>
      <c r="AT46" s="51">
        <v>0</v>
      </c>
      <c r="AU46" s="51">
        <v>0</v>
      </c>
      <c r="AV46" s="51">
        <v>6320</v>
      </c>
      <c r="AW46" s="51">
        <v>26183</v>
      </c>
      <c r="AX46" s="51">
        <v>36834</v>
      </c>
      <c r="AY46" s="51">
        <v>0</v>
      </c>
      <c r="AZ46" s="51">
        <v>14704</v>
      </c>
      <c r="BA46" s="51">
        <v>0</v>
      </c>
      <c r="BB46" s="51">
        <v>0</v>
      </c>
      <c r="BC46" s="51">
        <v>0</v>
      </c>
      <c r="BD46" s="51">
        <v>149595</v>
      </c>
      <c r="BE46" s="51">
        <v>0</v>
      </c>
      <c r="BF46" s="51">
        <v>0</v>
      </c>
      <c r="BG46" s="51">
        <v>0</v>
      </c>
      <c r="BH46" s="51">
        <v>0</v>
      </c>
      <c r="BI46" s="51">
        <v>0</v>
      </c>
      <c r="BJ46" s="51">
        <v>0</v>
      </c>
      <c r="BK46" s="51">
        <v>0</v>
      </c>
      <c r="BL46" s="51">
        <v>0</v>
      </c>
      <c r="BM46" s="51">
        <v>0</v>
      </c>
      <c r="BN46" s="50">
        <v>370743</v>
      </c>
    </row>
    <row r="47" spans="1:66" ht="10" customHeight="1">
      <c r="A47" s="258"/>
      <c r="B47" s="259"/>
      <c r="C47" s="217" t="s">
        <v>208</v>
      </c>
      <c r="D47" s="209"/>
      <c r="E47" s="210"/>
      <c r="F47" s="6"/>
      <c r="G47" s="6"/>
      <c r="H47" s="6"/>
      <c r="I47" s="6"/>
      <c r="J47" s="6"/>
      <c r="K47" s="51">
        <v>19609</v>
      </c>
      <c r="L47" s="51">
        <v>0</v>
      </c>
      <c r="M47" s="51">
        <v>0</v>
      </c>
      <c r="N47" s="51">
        <v>0</v>
      </c>
      <c r="O47" s="51">
        <v>0</v>
      </c>
      <c r="P47" s="51">
        <v>0</v>
      </c>
      <c r="Q47" s="51">
        <v>0</v>
      </c>
      <c r="R47" s="51">
        <v>0</v>
      </c>
      <c r="S47" s="51">
        <v>0</v>
      </c>
      <c r="T47" s="51">
        <v>0</v>
      </c>
      <c r="U47" s="51">
        <v>0</v>
      </c>
      <c r="V47" s="51">
        <v>0</v>
      </c>
      <c r="W47" s="51">
        <v>0</v>
      </c>
      <c r="X47" s="51">
        <v>0</v>
      </c>
      <c r="Y47" s="51">
        <v>0</v>
      </c>
      <c r="Z47" s="51">
        <v>0</v>
      </c>
      <c r="AA47" s="51">
        <v>0</v>
      </c>
      <c r="AB47" s="51">
        <v>0</v>
      </c>
      <c r="AC47" s="51">
        <v>0</v>
      </c>
      <c r="AD47" s="51">
        <v>0</v>
      </c>
      <c r="AE47" s="51">
        <v>0</v>
      </c>
      <c r="AF47" s="51">
        <v>0</v>
      </c>
      <c r="AG47" s="51">
        <v>0</v>
      </c>
      <c r="AH47" s="51">
        <v>0</v>
      </c>
      <c r="AI47" s="51">
        <v>0</v>
      </c>
      <c r="AJ47" s="51">
        <v>0</v>
      </c>
      <c r="AK47" s="51">
        <v>0</v>
      </c>
      <c r="AL47" s="51">
        <v>0</v>
      </c>
      <c r="AM47" s="51">
        <v>0</v>
      </c>
      <c r="AN47" s="51">
        <v>0</v>
      </c>
      <c r="AO47" s="51">
        <v>0</v>
      </c>
      <c r="AP47" s="51">
        <v>0</v>
      </c>
      <c r="AQ47" s="51">
        <v>0</v>
      </c>
      <c r="AR47" s="51">
        <v>0</v>
      </c>
      <c r="AS47" s="51">
        <v>0</v>
      </c>
      <c r="AT47" s="51">
        <v>0</v>
      </c>
      <c r="AU47" s="51">
        <v>9338</v>
      </c>
      <c r="AV47" s="51">
        <v>0</v>
      </c>
      <c r="AW47" s="51">
        <v>0</v>
      </c>
      <c r="AX47" s="51">
        <v>0</v>
      </c>
      <c r="AY47" s="51">
        <v>0</v>
      </c>
      <c r="AZ47" s="51">
        <v>0</v>
      </c>
      <c r="BA47" s="51">
        <v>13898</v>
      </c>
      <c r="BB47" s="51">
        <v>0</v>
      </c>
      <c r="BC47" s="51">
        <v>0</v>
      </c>
      <c r="BD47" s="51">
        <v>0</v>
      </c>
      <c r="BE47" s="51">
        <v>0</v>
      </c>
      <c r="BF47" s="51">
        <v>0</v>
      </c>
      <c r="BG47" s="51">
        <v>18250</v>
      </c>
      <c r="BH47" s="51">
        <v>50704</v>
      </c>
      <c r="BI47" s="51">
        <v>0</v>
      </c>
      <c r="BJ47" s="51">
        <v>0</v>
      </c>
      <c r="BK47" s="51">
        <v>10180</v>
      </c>
      <c r="BL47" s="51">
        <v>80762</v>
      </c>
      <c r="BM47" s="51">
        <v>1468216</v>
      </c>
      <c r="BN47" s="50">
        <v>1670957</v>
      </c>
    </row>
    <row r="48" spans="1:66" ht="10" customHeight="1">
      <c r="A48" s="258"/>
      <c r="B48" s="259"/>
      <c r="C48" s="217" t="s">
        <v>209</v>
      </c>
      <c r="D48" s="209"/>
      <c r="E48" s="210"/>
      <c r="F48" s="6"/>
      <c r="G48" s="6"/>
      <c r="H48" s="6"/>
      <c r="I48" s="6"/>
      <c r="J48" s="6"/>
      <c r="K48" s="51">
        <v>205596</v>
      </c>
      <c r="L48" s="51">
        <v>131685</v>
      </c>
      <c r="M48" s="51">
        <v>122414</v>
      </c>
      <c r="N48" s="51">
        <v>0</v>
      </c>
      <c r="O48" s="51">
        <v>49661</v>
      </c>
      <c r="P48" s="51">
        <v>167363</v>
      </c>
      <c r="Q48" s="51">
        <v>70360</v>
      </c>
      <c r="R48" s="51">
        <v>2882</v>
      </c>
      <c r="S48" s="51">
        <v>30085</v>
      </c>
      <c r="T48" s="51">
        <v>390575</v>
      </c>
      <c r="U48" s="51">
        <v>0</v>
      </c>
      <c r="V48" s="51">
        <v>55151</v>
      </c>
      <c r="W48" s="51">
        <v>5963</v>
      </c>
      <c r="X48" s="51">
        <v>61510</v>
      </c>
      <c r="Y48" s="51">
        <v>76263</v>
      </c>
      <c r="Z48" s="51">
        <v>0</v>
      </c>
      <c r="AA48" s="51">
        <v>265974</v>
      </c>
      <c r="AB48" s="51">
        <v>17003</v>
      </c>
      <c r="AC48" s="51">
        <v>46221</v>
      </c>
      <c r="AD48" s="51">
        <v>36518</v>
      </c>
      <c r="AE48" s="51">
        <v>0</v>
      </c>
      <c r="AF48" s="51">
        <v>10598</v>
      </c>
      <c r="AG48" s="51">
        <v>0</v>
      </c>
      <c r="AH48" s="51">
        <v>91284</v>
      </c>
      <c r="AI48" s="51">
        <v>46366</v>
      </c>
      <c r="AJ48" s="51">
        <v>60435</v>
      </c>
      <c r="AK48" s="51">
        <v>0</v>
      </c>
      <c r="AL48" s="51">
        <v>0</v>
      </c>
      <c r="AM48" s="51">
        <v>95317</v>
      </c>
      <c r="AN48" s="51">
        <v>12100</v>
      </c>
      <c r="AO48" s="51">
        <v>0</v>
      </c>
      <c r="AP48" s="51">
        <v>13422</v>
      </c>
      <c r="AQ48" s="51">
        <v>0</v>
      </c>
      <c r="AR48" s="51">
        <v>12603</v>
      </c>
      <c r="AS48" s="51">
        <v>0</v>
      </c>
      <c r="AT48" s="51">
        <v>41910</v>
      </c>
      <c r="AU48" s="51">
        <v>0</v>
      </c>
      <c r="AV48" s="51">
        <v>0</v>
      </c>
      <c r="AW48" s="51">
        <v>0</v>
      </c>
      <c r="AX48" s="51">
        <v>0</v>
      </c>
      <c r="AY48" s="51">
        <v>0</v>
      </c>
      <c r="AZ48" s="51">
        <v>16045</v>
      </c>
      <c r="BA48" s="51">
        <v>17492</v>
      </c>
      <c r="BB48" s="51">
        <v>0</v>
      </c>
      <c r="BC48" s="51">
        <v>0</v>
      </c>
      <c r="BD48" s="51">
        <v>0</v>
      </c>
      <c r="BE48" s="51">
        <v>0</v>
      </c>
      <c r="BF48" s="51">
        <v>45176</v>
      </c>
      <c r="BG48" s="51">
        <v>32685</v>
      </c>
      <c r="BH48" s="51">
        <v>0</v>
      </c>
      <c r="BI48" s="51">
        <v>0</v>
      </c>
      <c r="BJ48" s="51">
        <v>82324</v>
      </c>
      <c r="BK48" s="51">
        <v>304579</v>
      </c>
      <c r="BL48" s="51">
        <v>35907</v>
      </c>
      <c r="BM48" s="51">
        <v>0</v>
      </c>
      <c r="BN48" s="50">
        <v>2653467</v>
      </c>
    </row>
    <row r="49" spans="1:66" ht="10" customHeight="1">
      <c r="A49" s="258"/>
      <c r="B49" s="259"/>
      <c r="C49" s="217" t="s">
        <v>228</v>
      </c>
      <c r="D49" s="209"/>
      <c r="E49" s="210"/>
      <c r="F49" s="6"/>
      <c r="G49" s="6"/>
      <c r="H49" s="6"/>
      <c r="I49" s="6"/>
      <c r="J49" s="6"/>
      <c r="K49" s="51">
        <v>5753</v>
      </c>
      <c r="L49" s="51">
        <v>37406</v>
      </c>
      <c r="M49" s="51">
        <v>0</v>
      </c>
      <c r="N49" s="51">
        <v>0</v>
      </c>
      <c r="O49" s="51">
        <v>3026</v>
      </c>
      <c r="P49" s="51">
        <v>52873</v>
      </c>
      <c r="Q49" s="51">
        <v>4950</v>
      </c>
      <c r="R49" s="51">
        <v>8500</v>
      </c>
      <c r="S49" s="51">
        <v>49325</v>
      </c>
      <c r="T49" s="51">
        <v>10649</v>
      </c>
      <c r="U49" s="51">
        <v>16930</v>
      </c>
      <c r="V49" s="51">
        <v>17163</v>
      </c>
      <c r="W49" s="51">
        <v>4334</v>
      </c>
      <c r="X49" s="51">
        <v>11106</v>
      </c>
      <c r="Y49" s="51">
        <v>16149</v>
      </c>
      <c r="Z49" s="51">
        <v>12089</v>
      </c>
      <c r="AA49" s="51">
        <v>12728</v>
      </c>
      <c r="AB49" s="51">
        <v>5531</v>
      </c>
      <c r="AC49" s="51">
        <v>27023</v>
      </c>
      <c r="AD49" s="51">
        <v>11560</v>
      </c>
      <c r="AE49" s="51">
        <v>10847</v>
      </c>
      <c r="AF49" s="51">
        <v>9943</v>
      </c>
      <c r="AG49" s="51">
        <v>0</v>
      </c>
      <c r="AH49" s="51">
        <v>1428</v>
      </c>
      <c r="AI49" s="51">
        <v>12328</v>
      </c>
      <c r="AJ49" s="51">
        <v>12113</v>
      </c>
      <c r="AK49" s="51">
        <v>868</v>
      </c>
      <c r="AL49" s="51">
        <v>0</v>
      </c>
      <c r="AM49" s="51">
        <v>0</v>
      </c>
      <c r="AN49" s="51">
        <v>1134</v>
      </c>
      <c r="AO49" s="51">
        <v>118978</v>
      </c>
      <c r="AP49" s="51">
        <v>1431</v>
      </c>
      <c r="AQ49" s="51">
        <v>15400</v>
      </c>
      <c r="AR49" s="51">
        <v>12167</v>
      </c>
      <c r="AS49" s="51">
        <v>5425</v>
      </c>
      <c r="AT49" s="51">
        <v>0</v>
      </c>
      <c r="AU49" s="51">
        <v>0</v>
      </c>
      <c r="AV49" s="51">
        <v>0</v>
      </c>
      <c r="AW49" s="51">
        <v>9061</v>
      </c>
      <c r="AX49" s="51">
        <v>0</v>
      </c>
      <c r="AY49" s="51">
        <v>0</v>
      </c>
      <c r="AZ49" s="51">
        <v>528</v>
      </c>
      <c r="BA49" s="51">
        <v>0</v>
      </c>
      <c r="BB49" s="51">
        <v>0</v>
      </c>
      <c r="BC49" s="51">
        <v>2538</v>
      </c>
      <c r="BD49" s="51">
        <v>6292</v>
      </c>
      <c r="BE49" s="51">
        <v>8140</v>
      </c>
      <c r="BF49" s="51">
        <v>0</v>
      </c>
      <c r="BG49" s="51">
        <v>0</v>
      </c>
      <c r="BH49" s="51">
        <v>6900</v>
      </c>
      <c r="BI49" s="51">
        <v>0</v>
      </c>
      <c r="BJ49" s="51">
        <v>48719</v>
      </c>
      <c r="BK49" s="51">
        <v>9004</v>
      </c>
      <c r="BL49" s="51">
        <v>12872</v>
      </c>
      <c r="BM49" s="51">
        <v>52398</v>
      </c>
      <c r="BN49" s="50">
        <v>665609</v>
      </c>
    </row>
    <row r="50" spans="1:66" ht="10" customHeight="1">
      <c r="A50" s="260"/>
      <c r="B50" s="261"/>
      <c r="C50" s="217" t="s">
        <v>26</v>
      </c>
      <c r="D50" s="209"/>
      <c r="E50" s="210"/>
      <c r="F50" s="6"/>
      <c r="G50" s="6"/>
      <c r="H50" s="6"/>
      <c r="I50" s="6"/>
      <c r="J50" s="6"/>
      <c r="K50" s="51">
        <v>7230617</v>
      </c>
      <c r="L50" s="51">
        <v>1588763</v>
      </c>
      <c r="M50" s="51">
        <v>1370563</v>
      </c>
      <c r="N50" s="51">
        <v>3845162</v>
      </c>
      <c r="O50" s="51">
        <v>621474</v>
      </c>
      <c r="P50" s="51">
        <v>2055147</v>
      </c>
      <c r="Q50" s="51">
        <v>287382</v>
      </c>
      <c r="R50" s="51">
        <v>421946</v>
      </c>
      <c r="S50" s="51">
        <v>240870</v>
      </c>
      <c r="T50" s="51">
        <v>664251</v>
      </c>
      <c r="U50" s="51">
        <v>621724</v>
      </c>
      <c r="V50" s="51">
        <v>1157290</v>
      </c>
      <c r="W50" s="51">
        <v>303187</v>
      </c>
      <c r="X50" s="51">
        <v>568230</v>
      </c>
      <c r="Y50" s="51">
        <v>407665</v>
      </c>
      <c r="Z50" s="51">
        <v>343912</v>
      </c>
      <c r="AA50" s="51">
        <v>2212653</v>
      </c>
      <c r="AB50" s="51">
        <v>483542</v>
      </c>
      <c r="AC50" s="51">
        <v>718294</v>
      </c>
      <c r="AD50" s="51">
        <v>679952</v>
      </c>
      <c r="AE50" s="51">
        <v>671604</v>
      </c>
      <c r="AF50" s="51">
        <v>94818</v>
      </c>
      <c r="AG50" s="51">
        <v>462039</v>
      </c>
      <c r="AH50" s="51">
        <v>282068</v>
      </c>
      <c r="AI50" s="51">
        <v>1866677</v>
      </c>
      <c r="AJ50" s="51">
        <v>464196</v>
      </c>
      <c r="AK50" s="51">
        <v>467287</v>
      </c>
      <c r="AL50" s="51">
        <v>748907</v>
      </c>
      <c r="AM50" s="51">
        <v>394975</v>
      </c>
      <c r="AN50" s="51">
        <v>202380</v>
      </c>
      <c r="AO50" s="51">
        <v>90302</v>
      </c>
      <c r="AP50" s="51">
        <v>355474</v>
      </c>
      <c r="AQ50" s="51">
        <v>422130</v>
      </c>
      <c r="AR50" s="51">
        <v>697246</v>
      </c>
      <c r="AS50" s="51">
        <v>454711</v>
      </c>
      <c r="AT50" s="51">
        <v>173506</v>
      </c>
      <c r="AU50" s="51">
        <v>168052</v>
      </c>
      <c r="AV50" s="51">
        <v>60178</v>
      </c>
      <c r="AW50" s="51">
        <v>38294</v>
      </c>
      <c r="AX50" s="51">
        <v>68915</v>
      </c>
      <c r="AY50" s="51">
        <v>106274</v>
      </c>
      <c r="AZ50" s="51">
        <v>102515</v>
      </c>
      <c r="BA50" s="51">
        <v>127635</v>
      </c>
      <c r="BB50" s="51">
        <v>51508</v>
      </c>
      <c r="BC50" s="51">
        <v>108795</v>
      </c>
      <c r="BD50" s="51">
        <v>194990</v>
      </c>
      <c r="BE50" s="51">
        <v>68482</v>
      </c>
      <c r="BF50" s="51">
        <v>6734</v>
      </c>
      <c r="BG50" s="51">
        <v>265192</v>
      </c>
      <c r="BH50" s="51">
        <v>171987</v>
      </c>
      <c r="BI50" s="51">
        <v>165558</v>
      </c>
      <c r="BJ50" s="51">
        <v>2125843</v>
      </c>
      <c r="BK50" s="51">
        <v>771850</v>
      </c>
      <c r="BL50" s="51">
        <v>1330844</v>
      </c>
      <c r="BM50" s="51">
        <v>2821592</v>
      </c>
      <c r="BN50" s="50">
        <v>42426182</v>
      </c>
    </row>
    <row r="51" spans="1:66" ht="10" customHeight="1">
      <c r="A51" s="218" t="s">
        <v>229</v>
      </c>
      <c r="B51" s="219"/>
      <c r="C51" s="219"/>
      <c r="D51" s="219"/>
      <c r="E51" s="220"/>
      <c r="F51" s="6"/>
      <c r="G51" s="6"/>
      <c r="H51" s="6"/>
      <c r="I51" s="6"/>
      <c r="J51" s="6"/>
      <c r="K51" s="51">
        <v>5753</v>
      </c>
      <c r="L51" s="51">
        <v>37994</v>
      </c>
      <c r="M51" s="51">
        <v>14437</v>
      </c>
      <c r="N51" s="51">
        <v>88759</v>
      </c>
      <c r="O51" s="51">
        <v>48905</v>
      </c>
      <c r="P51" s="51">
        <v>52873</v>
      </c>
      <c r="Q51" s="51">
        <v>4950</v>
      </c>
      <c r="R51" s="51">
        <v>8500</v>
      </c>
      <c r="S51" s="51">
        <v>49325</v>
      </c>
      <c r="T51" s="51">
        <v>10649</v>
      </c>
      <c r="U51" s="51">
        <v>16930</v>
      </c>
      <c r="V51" s="51">
        <v>17163</v>
      </c>
      <c r="W51" s="51">
        <v>4334</v>
      </c>
      <c r="X51" s="51">
        <v>11106</v>
      </c>
      <c r="Y51" s="51">
        <v>16149</v>
      </c>
      <c r="Z51" s="51">
        <v>12089</v>
      </c>
      <c r="AA51" s="51">
        <v>12728</v>
      </c>
      <c r="AB51" s="51">
        <v>5531</v>
      </c>
      <c r="AC51" s="51">
        <v>27023</v>
      </c>
      <c r="AD51" s="51">
        <v>11560</v>
      </c>
      <c r="AE51" s="51">
        <v>10847</v>
      </c>
      <c r="AF51" s="51">
        <v>9943</v>
      </c>
      <c r="AG51" s="51">
        <v>6001</v>
      </c>
      <c r="AH51" s="51">
        <v>1428</v>
      </c>
      <c r="AI51" s="51">
        <v>12328</v>
      </c>
      <c r="AJ51" s="51">
        <v>12113</v>
      </c>
      <c r="AK51" s="51">
        <v>868</v>
      </c>
      <c r="AL51" s="51">
        <v>0</v>
      </c>
      <c r="AM51" s="51">
        <v>2865</v>
      </c>
      <c r="AN51" s="51">
        <v>1134</v>
      </c>
      <c r="AO51" s="51">
        <v>118978</v>
      </c>
      <c r="AP51" s="51">
        <v>1431</v>
      </c>
      <c r="AQ51" s="51">
        <v>15400</v>
      </c>
      <c r="AR51" s="51">
        <v>12167</v>
      </c>
      <c r="AS51" s="51">
        <v>5425</v>
      </c>
      <c r="AT51" s="51">
        <v>0</v>
      </c>
      <c r="AU51" s="51">
        <v>0</v>
      </c>
      <c r="AV51" s="51">
        <v>0</v>
      </c>
      <c r="AW51" s="51">
        <v>9061</v>
      </c>
      <c r="AX51" s="51">
        <v>0</v>
      </c>
      <c r="AY51" s="51">
        <v>0</v>
      </c>
      <c r="AZ51" s="51">
        <v>528</v>
      </c>
      <c r="BA51" s="51">
        <v>0</v>
      </c>
      <c r="BB51" s="51">
        <v>0</v>
      </c>
      <c r="BC51" s="51">
        <v>2538</v>
      </c>
      <c r="BD51" s="51">
        <v>6292</v>
      </c>
      <c r="BE51" s="51">
        <v>8140</v>
      </c>
      <c r="BF51" s="51">
        <v>120</v>
      </c>
      <c r="BG51" s="51">
        <v>0</v>
      </c>
      <c r="BH51" s="51">
        <v>6900</v>
      </c>
      <c r="BI51" s="51">
        <v>0</v>
      </c>
      <c r="BJ51" s="51">
        <v>48719</v>
      </c>
      <c r="BK51" s="51">
        <v>9004</v>
      </c>
      <c r="BL51" s="51">
        <v>12872</v>
      </c>
      <c r="BM51" s="51">
        <v>1589049</v>
      </c>
      <c r="BN51" s="50">
        <v>2360909</v>
      </c>
    </row>
    <row r="52" spans="1:66" ht="10" customHeight="1">
      <c r="A52" s="20"/>
      <c r="B52" s="217" t="s">
        <v>230</v>
      </c>
      <c r="C52" s="209"/>
      <c r="D52" s="209"/>
      <c r="E52" s="210"/>
      <c r="F52" s="6"/>
      <c r="G52" s="6"/>
      <c r="H52" s="6"/>
      <c r="I52" s="6"/>
      <c r="J52" s="6"/>
      <c r="K52" s="51">
        <v>5753</v>
      </c>
      <c r="L52" s="51">
        <v>37994</v>
      </c>
      <c r="M52" s="51">
        <v>14437</v>
      </c>
      <c r="N52" s="51">
        <v>88759</v>
      </c>
      <c r="O52" s="51">
        <v>48905</v>
      </c>
      <c r="P52" s="51">
        <v>52873</v>
      </c>
      <c r="Q52" s="51">
        <v>4950</v>
      </c>
      <c r="R52" s="51">
        <v>8500</v>
      </c>
      <c r="S52" s="51">
        <v>49325</v>
      </c>
      <c r="T52" s="51">
        <v>10649</v>
      </c>
      <c r="U52" s="51">
        <v>16930</v>
      </c>
      <c r="V52" s="51">
        <v>17163</v>
      </c>
      <c r="W52" s="51">
        <v>4334</v>
      </c>
      <c r="X52" s="51">
        <v>11106</v>
      </c>
      <c r="Y52" s="51">
        <v>16149</v>
      </c>
      <c r="Z52" s="51">
        <v>12089</v>
      </c>
      <c r="AA52" s="51">
        <v>12728</v>
      </c>
      <c r="AB52" s="51">
        <v>5531</v>
      </c>
      <c r="AC52" s="51">
        <v>27023</v>
      </c>
      <c r="AD52" s="51">
        <v>11560</v>
      </c>
      <c r="AE52" s="51">
        <v>10847</v>
      </c>
      <c r="AF52" s="51">
        <v>9943</v>
      </c>
      <c r="AG52" s="51">
        <v>6001</v>
      </c>
      <c r="AH52" s="51">
        <v>1428</v>
      </c>
      <c r="AI52" s="51">
        <v>12328</v>
      </c>
      <c r="AJ52" s="51">
        <v>12113</v>
      </c>
      <c r="AK52" s="51">
        <v>868</v>
      </c>
      <c r="AL52" s="51">
        <v>0</v>
      </c>
      <c r="AM52" s="51">
        <v>2865</v>
      </c>
      <c r="AN52" s="51">
        <v>1134</v>
      </c>
      <c r="AO52" s="51">
        <v>3850</v>
      </c>
      <c r="AP52" s="51">
        <v>1431</v>
      </c>
      <c r="AQ52" s="51">
        <v>15400</v>
      </c>
      <c r="AR52" s="51">
        <v>12167</v>
      </c>
      <c r="AS52" s="51">
        <v>5425</v>
      </c>
      <c r="AT52" s="51">
        <v>0</v>
      </c>
      <c r="AU52" s="51">
        <v>0</v>
      </c>
      <c r="AV52" s="51">
        <v>0</v>
      </c>
      <c r="AW52" s="51">
        <v>9061</v>
      </c>
      <c r="AX52" s="51">
        <v>0</v>
      </c>
      <c r="AY52" s="51">
        <v>0</v>
      </c>
      <c r="AZ52" s="51">
        <v>528</v>
      </c>
      <c r="BA52" s="51">
        <v>0</v>
      </c>
      <c r="BB52" s="51">
        <v>0</v>
      </c>
      <c r="BC52" s="51">
        <v>2538</v>
      </c>
      <c r="BD52" s="51">
        <v>6292</v>
      </c>
      <c r="BE52" s="51">
        <v>8140</v>
      </c>
      <c r="BF52" s="51">
        <v>120</v>
      </c>
      <c r="BG52" s="51">
        <v>0</v>
      </c>
      <c r="BH52" s="51">
        <v>6900</v>
      </c>
      <c r="BI52" s="51">
        <v>0</v>
      </c>
      <c r="BJ52" s="51">
        <v>48719</v>
      </c>
      <c r="BK52" s="51">
        <v>9004</v>
      </c>
      <c r="BL52" s="51">
        <v>12872</v>
      </c>
      <c r="BM52" s="51">
        <v>1581714</v>
      </c>
      <c r="BN52" s="50">
        <v>2238446</v>
      </c>
    </row>
    <row r="53" spans="1:66" ht="10" customHeight="1">
      <c r="A53" s="20"/>
      <c r="B53" s="222" t="s">
        <v>231</v>
      </c>
      <c r="C53" s="219"/>
      <c r="D53" s="219"/>
      <c r="E53" s="220"/>
      <c r="F53" s="6"/>
      <c r="G53" s="6"/>
      <c r="H53" s="6"/>
      <c r="I53" s="6"/>
      <c r="J53" s="6"/>
      <c r="K53" s="51">
        <v>0</v>
      </c>
      <c r="L53" s="51">
        <v>0</v>
      </c>
      <c r="M53" s="51">
        <v>0</v>
      </c>
      <c r="N53" s="51">
        <v>0</v>
      </c>
      <c r="O53" s="51">
        <v>0</v>
      </c>
      <c r="P53" s="51">
        <v>0</v>
      </c>
      <c r="Q53" s="51">
        <v>0</v>
      </c>
      <c r="R53" s="51">
        <v>0</v>
      </c>
      <c r="S53" s="51">
        <v>0</v>
      </c>
      <c r="T53" s="51">
        <v>0</v>
      </c>
      <c r="U53" s="51">
        <v>0</v>
      </c>
      <c r="V53" s="51">
        <v>0</v>
      </c>
      <c r="W53" s="51">
        <v>0</v>
      </c>
      <c r="X53" s="51">
        <v>0</v>
      </c>
      <c r="Y53" s="51">
        <v>0</v>
      </c>
      <c r="Z53" s="51">
        <v>0</v>
      </c>
      <c r="AA53" s="51">
        <v>0</v>
      </c>
      <c r="AB53" s="51">
        <v>0</v>
      </c>
      <c r="AC53" s="51">
        <v>0</v>
      </c>
      <c r="AD53" s="51">
        <v>0</v>
      </c>
      <c r="AE53" s="51">
        <v>0</v>
      </c>
      <c r="AF53" s="51">
        <v>0</v>
      </c>
      <c r="AG53" s="51">
        <v>0</v>
      </c>
      <c r="AH53" s="51">
        <v>0</v>
      </c>
      <c r="AI53" s="51">
        <v>0</v>
      </c>
      <c r="AJ53" s="51">
        <v>0</v>
      </c>
      <c r="AK53" s="51">
        <v>0</v>
      </c>
      <c r="AL53" s="51">
        <v>0</v>
      </c>
      <c r="AM53" s="51">
        <v>0</v>
      </c>
      <c r="AN53" s="51">
        <v>0</v>
      </c>
      <c r="AO53" s="51">
        <v>115128</v>
      </c>
      <c r="AP53" s="51">
        <v>0</v>
      </c>
      <c r="AQ53" s="51">
        <v>0</v>
      </c>
      <c r="AR53" s="51">
        <v>0</v>
      </c>
      <c r="AS53" s="51">
        <v>0</v>
      </c>
      <c r="AT53" s="51">
        <v>0</v>
      </c>
      <c r="AU53" s="51">
        <v>0</v>
      </c>
      <c r="AV53" s="51">
        <v>0</v>
      </c>
      <c r="AW53" s="51">
        <v>0</v>
      </c>
      <c r="AX53" s="51">
        <v>0</v>
      </c>
      <c r="AY53" s="51">
        <v>0</v>
      </c>
      <c r="AZ53" s="51">
        <v>0</v>
      </c>
      <c r="BA53" s="51">
        <v>0</v>
      </c>
      <c r="BB53" s="51">
        <v>0</v>
      </c>
      <c r="BC53" s="51">
        <v>0</v>
      </c>
      <c r="BD53" s="51">
        <v>0</v>
      </c>
      <c r="BE53" s="51">
        <v>0</v>
      </c>
      <c r="BF53" s="51">
        <v>0</v>
      </c>
      <c r="BG53" s="51">
        <v>0</v>
      </c>
      <c r="BH53" s="51">
        <v>0</v>
      </c>
      <c r="BI53" s="51">
        <v>0</v>
      </c>
      <c r="BJ53" s="51">
        <v>0</v>
      </c>
      <c r="BK53" s="51">
        <v>0</v>
      </c>
      <c r="BL53" s="51">
        <v>0</v>
      </c>
      <c r="BM53" s="51">
        <v>7335</v>
      </c>
      <c r="BN53" s="50">
        <v>122463</v>
      </c>
    </row>
    <row r="54" spans="1:66" ht="10" customHeight="1">
      <c r="A54" s="20"/>
      <c r="B54" s="16"/>
      <c r="C54" s="217" t="s">
        <v>232</v>
      </c>
      <c r="D54" s="209"/>
      <c r="E54" s="210"/>
      <c r="F54" s="6"/>
      <c r="G54" s="6"/>
      <c r="H54" s="6"/>
      <c r="I54" s="6"/>
      <c r="J54" s="6"/>
      <c r="K54" s="51">
        <v>0</v>
      </c>
      <c r="L54" s="51">
        <v>0</v>
      </c>
      <c r="M54" s="51">
        <v>0</v>
      </c>
      <c r="N54" s="51">
        <v>0</v>
      </c>
      <c r="O54" s="51">
        <v>0</v>
      </c>
      <c r="P54" s="51">
        <v>0</v>
      </c>
      <c r="Q54" s="51">
        <v>0</v>
      </c>
      <c r="R54" s="51">
        <v>0</v>
      </c>
      <c r="S54" s="51">
        <v>0</v>
      </c>
      <c r="T54" s="51">
        <v>0</v>
      </c>
      <c r="U54" s="51">
        <v>0</v>
      </c>
      <c r="V54" s="51">
        <v>0</v>
      </c>
      <c r="W54" s="51">
        <v>0</v>
      </c>
      <c r="X54" s="51">
        <v>0</v>
      </c>
      <c r="Y54" s="51">
        <v>0</v>
      </c>
      <c r="Z54" s="51">
        <v>0</v>
      </c>
      <c r="AA54" s="51">
        <v>0</v>
      </c>
      <c r="AB54" s="51">
        <v>0</v>
      </c>
      <c r="AC54" s="51">
        <v>0</v>
      </c>
      <c r="AD54" s="51">
        <v>0</v>
      </c>
      <c r="AE54" s="51">
        <v>0</v>
      </c>
      <c r="AF54" s="51">
        <v>0</v>
      </c>
      <c r="AG54" s="51">
        <v>0</v>
      </c>
      <c r="AH54" s="51">
        <v>0</v>
      </c>
      <c r="AI54" s="51">
        <v>0</v>
      </c>
      <c r="AJ54" s="51">
        <v>0</v>
      </c>
      <c r="AK54" s="51">
        <v>0</v>
      </c>
      <c r="AL54" s="51">
        <v>0</v>
      </c>
      <c r="AM54" s="51">
        <v>0</v>
      </c>
      <c r="AN54" s="51">
        <v>0</v>
      </c>
      <c r="AO54" s="51">
        <v>0</v>
      </c>
      <c r="AP54" s="51">
        <v>0</v>
      </c>
      <c r="AQ54" s="51">
        <v>0</v>
      </c>
      <c r="AR54" s="51">
        <v>0</v>
      </c>
      <c r="AS54" s="51">
        <v>0</v>
      </c>
      <c r="AT54" s="51">
        <v>0</v>
      </c>
      <c r="AU54" s="51">
        <v>0</v>
      </c>
      <c r="AV54" s="51">
        <v>0</v>
      </c>
      <c r="AW54" s="51">
        <v>0</v>
      </c>
      <c r="AX54" s="51">
        <v>0</v>
      </c>
      <c r="AY54" s="51">
        <v>0</v>
      </c>
      <c r="AZ54" s="51">
        <v>0</v>
      </c>
      <c r="BA54" s="51">
        <v>0</v>
      </c>
      <c r="BB54" s="51">
        <v>0</v>
      </c>
      <c r="BC54" s="51">
        <v>0</v>
      </c>
      <c r="BD54" s="51">
        <v>0</v>
      </c>
      <c r="BE54" s="51">
        <v>0</v>
      </c>
      <c r="BF54" s="51">
        <v>0</v>
      </c>
      <c r="BG54" s="51">
        <v>0</v>
      </c>
      <c r="BH54" s="51">
        <v>0</v>
      </c>
      <c r="BI54" s="51">
        <v>0</v>
      </c>
      <c r="BJ54" s="51">
        <v>0</v>
      </c>
      <c r="BK54" s="51">
        <v>0</v>
      </c>
      <c r="BL54" s="51">
        <v>0</v>
      </c>
      <c r="BM54" s="51">
        <v>0</v>
      </c>
      <c r="BN54" s="50">
        <v>0</v>
      </c>
    </row>
    <row r="55" spans="1:66" ht="10" customHeight="1">
      <c r="A55" s="20"/>
      <c r="B55" s="16"/>
      <c r="C55" s="222" t="s">
        <v>551</v>
      </c>
      <c r="D55" s="219"/>
      <c r="E55" s="220"/>
      <c r="F55" s="6"/>
      <c r="G55" s="6"/>
      <c r="H55" s="6"/>
      <c r="I55" s="6"/>
      <c r="J55" s="6"/>
      <c r="K55" s="51">
        <v>0</v>
      </c>
      <c r="L55" s="51">
        <v>0</v>
      </c>
      <c r="M55" s="51">
        <v>0</v>
      </c>
      <c r="N55" s="51">
        <v>0</v>
      </c>
      <c r="O55" s="51">
        <v>0</v>
      </c>
      <c r="P55" s="51">
        <v>0</v>
      </c>
      <c r="Q55" s="51">
        <v>0</v>
      </c>
      <c r="R55" s="51">
        <v>0</v>
      </c>
      <c r="S55" s="51">
        <v>0</v>
      </c>
      <c r="T55" s="51">
        <v>0</v>
      </c>
      <c r="U55" s="51">
        <v>0</v>
      </c>
      <c r="V55" s="51">
        <v>0</v>
      </c>
      <c r="W55" s="51">
        <v>0</v>
      </c>
      <c r="X55" s="51">
        <v>0</v>
      </c>
      <c r="Y55" s="51">
        <v>0</v>
      </c>
      <c r="Z55" s="51">
        <v>0</v>
      </c>
      <c r="AA55" s="51">
        <v>0</v>
      </c>
      <c r="AB55" s="51">
        <v>0</v>
      </c>
      <c r="AC55" s="51">
        <v>0</v>
      </c>
      <c r="AD55" s="51">
        <v>0</v>
      </c>
      <c r="AE55" s="51">
        <v>0</v>
      </c>
      <c r="AF55" s="51">
        <v>0</v>
      </c>
      <c r="AG55" s="51">
        <v>0</v>
      </c>
      <c r="AH55" s="51">
        <v>0</v>
      </c>
      <c r="AI55" s="51">
        <v>0</v>
      </c>
      <c r="AJ55" s="51">
        <v>0</v>
      </c>
      <c r="AK55" s="51">
        <v>0</v>
      </c>
      <c r="AL55" s="51">
        <v>0</v>
      </c>
      <c r="AM55" s="51">
        <v>0</v>
      </c>
      <c r="AN55" s="51">
        <v>0</v>
      </c>
      <c r="AO55" s="51">
        <v>115128</v>
      </c>
      <c r="AP55" s="51">
        <v>0</v>
      </c>
      <c r="AQ55" s="51">
        <v>0</v>
      </c>
      <c r="AR55" s="51">
        <v>0</v>
      </c>
      <c r="AS55" s="51">
        <v>0</v>
      </c>
      <c r="AT55" s="51">
        <v>0</v>
      </c>
      <c r="AU55" s="51">
        <v>0</v>
      </c>
      <c r="AV55" s="51">
        <v>0</v>
      </c>
      <c r="AW55" s="51">
        <v>0</v>
      </c>
      <c r="AX55" s="51">
        <v>0</v>
      </c>
      <c r="AY55" s="51">
        <v>0</v>
      </c>
      <c r="AZ55" s="51">
        <v>0</v>
      </c>
      <c r="BA55" s="51">
        <v>0</v>
      </c>
      <c r="BB55" s="51">
        <v>0</v>
      </c>
      <c r="BC55" s="51">
        <v>0</v>
      </c>
      <c r="BD55" s="51">
        <v>0</v>
      </c>
      <c r="BE55" s="51">
        <v>0</v>
      </c>
      <c r="BF55" s="51">
        <v>0</v>
      </c>
      <c r="BG55" s="51">
        <v>0</v>
      </c>
      <c r="BH55" s="51">
        <v>0</v>
      </c>
      <c r="BI55" s="51">
        <v>0</v>
      </c>
      <c r="BJ55" s="51">
        <v>0</v>
      </c>
      <c r="BK55" s="51">
        <v>0</v>
      </c>
      <c r="BL55" s="51">
        <v>0</v>
      </c>
      <c r="BM55" s="51">
        <v>7335</v>
      </c>
      <c r="BN55" s="50">
        <v>122463</v>
      </c>
    </row>
    <row r="56" spans="1:66" ht="10" customHeight="1">
      <c r="A56" s="244" t="s">
        <v>233</v>
      </c>
      <c r="B56" s="245"/>
      <c r="C56" s="245"/>
      <c r="D56" s="245"/>
      <c r="E56" s="242"/>
      <c r="F56" s="13"/>
      <c r="G56" s="13"/>
      <c r="H56" s="13"/>
      <c r="I56" s="13"/>
      <c r="J56" s="13"/>
      <c r="K56" s="52">
        <v>46653665</v>
      </c>
      <c r="L56" s="52">
        <v>7215143</v>
      </c>
      <c r="M56" s="52">
        <v>10720607</v>
      </c>
      <c r="N56" s="52">
        <v>28924470</v>
      </c>
      <c r="O56" s="52">
        <v>5156484</v>
      </c>
      <c r="P56" s="52">
        <v>10314125</v>
      </c>
      <c r="Q56" s="52">
        <v>3559947</v>
      </c>
      <c r="R56" s="52">
        <v>7079350</v>
      </c>
      <c r="S56" s="52">
        <v>1835666</v>
      </c>
      <c r="T56" s="52">
        <v>217245</v>
      </c>
      <c r="U56" s="52">
        <v>6144578</v>
      </c>
      <c r="V56" s="52">
        <v>2196805</v>
      </c>
      <c r="W56" s="52">
        <v>4336705</v>
      </c>
      <c r="X56" s="52">
        <v>1688403</v>
      </c>
      <c r="Y56" s="52">
        <v>11019378</v>
      </c>
      <c r="Z56" s="52">
        <v>2830551</v>
      </c>
      <c r="AA56" s="52">
        <v>1577632</v>
      </c>
      <c r="AB56" s="52">
        <v>2062395</v>
      </c>
      <c r="AC56" s="52">
        <v>3093548</v>
      </c>
      <c r="AD56" s="52">
        <v>2717286</v>
      </c>
      <c r="AE56" s="52">
        <v>5413025</v>
      </c>
      <c r="AF56" s="52">
        <v>2262031</v>
      </c>
      <c r="AG56" s="52">
        <v>281064</v>
      </c>
      <c r="AH56" s="52">
        <v>3139657</v>
      </c>
      <c r="AI56" s="52">
        <v>979331</v>
      </c>
      <c r="AJ56" s="52">
        <v>3058208</v>
      </c>
      <c r="AK56" s="52">
        <v>202709</v>
      </c>
      <c r="AL56" s="52">
        <v>4208753</v>
      </c>
      <c r="AM56" s="52">
        <v>713793</v>
      </c>
      <c r="AN56" s="52">
        <v>1117973</v>
      </c>
      <c r="AO56" s="52">
        <v>2703214</v>
      </c>
      <c r="AP56" s="52">
        <v>1411919</v>
      </c>
      <c r="AQ56" s="52">
        <v>1289514</v>
      </c>
      <c r="AR56" s="52">
        <v>1361867</v>
      </c>
      <c r="AS56" s="52">
        <v>968639</v>
      </c>
      <c r="AT56" s="52">
        <v>2238261</v>
      </c>
      <c r="AU56" s="52">
        <v>1370362</v>
      </c>
      <c r="AV56" s="52">
        <v>56325</v>
      </c>
      <c r="AW56" s="52">
        <v>527469</v>
      </c>
      <c r="AX56" s="52">
        <v>556590</v>
      </c>
      <c r="AY56" s="52">
        <v>176083</v>
      </c>
      <c r="AZ56" s="52">
        <v>1084824</v>
      </c>
      <c r="BA56" s="52">
        <v>1049769</v>
      </c>
      <c r="BB56" s="52">
        <v>52326</v>
      </c>
      <c r="BC56" s="52">
        <v>557849</v>
      </c>
      <c r="BD56" s="52">
        <v>984366</v>
      </c>
      <c r="BE56" s="52">
        <v>203552</v>
      </c>
      <c r="BF56" s="52">
        <v>1252329</v>
      </c>
      <c r="BG56" s="52">
        <v>645083</v>
      </c>
      <c r="BH56" s="52">
        <v>1839439</v>
      </c>
      <c r="BI56" s="52">
        <v>988586</v>
      </c>
      <c r="BJ56" s="52">
        <v>8029431</v>
      </c>
      <c r="BK56" s="52">
        <v>33447</v>
      </c>
      <c r="BL56" s="52">
        <v>0</v>
      </c>
      <c r="BM56" s="52">
        <v>8344450</v>
      </c>
      <c r="BN56" s="53">
        <v>218446221</v>
      </c>
    </row>
  </sheetData>
  <mergeCells count="61">
    <mergeCell ref="A1:E2"/>
    <mergeCell ref="B52:E52"/>
    <mergeCell ref="B53:E53"/>
    <mergeCell ref="C54:E54"/>
    <mergeCell ref="C55:E55"/>
    <mergeCell ref="A42:E42"/>
    <mergeCell ref="A40:E40"/>
    <mergeCell ref="A41:E41"/>
    <mergeCell ref="A30:C31"/>
    <mergeCell ref="D30:E30"/>
    <mergeCell ref="D31:E31"/>
    <mergeCell ref="A32:A39"/>
    <mergeCell ref="B32:E32"/>
    <mergeCell ref="B33:E33"/>
    <mergeCell ref="B34:E34"/>
    <mergeCell ref="B35:E35"/>
    <mergeCell ref="A56:E56"/>
    <mergeCell ref="A51:E51"/>
    <mergeCell ref="C46:E46"/>
    <mergeCell ref="C47:E47"/>
    <mergeCell ref="C48:E48"/>
    <mergeCell ref="C49:E49"/>
    <mergeCell ref="C50:E50"/>
    <mergeCell ref="A43:B50"/>
    <mergeCell ref="C43:C45"/>
    <mergeCell ref="D43:E43"/>
    <mergeCell ref="D44:E44"/>
    <mergeCell ref="D45:E45"/>
    <mergeCell ref="B36:E36"/>
    <mergeCell ref="B37:E37"/>
    <mergeCell ref="B38:E38"/>
    <mergeCell ref="B39:E39"/>
    <mergeCell ref="C18:E18"/>
    <mergeCell ref="B19:E19"/>
    <mergeCell ref="A20:A29"/>
    <mergeCell ref="B20:E20"/>
    <mergeCell ref="C21:E21"/>
    <mergeCell ref="C22:E22"/>
    <mergeCell ref="B23:E23"/>
    <mergeCell ref="C24:E24"/>
    <mergeCell ref="C25:E25"/>
    <mergeCell ref="B26:E26"/>
    <mergeCell ref="B27:E27"/>
    <mergeCell ref="B28:E28"/>
    <mergeCell ref="B29:E29"/>
    <mergeCell ref="C16:E16"/>
    <mergeCell ref="A3:A19"/>
    <mergeCell ref="B3:E3"/>
    <mergeCell ref="C4:E4"/>
    <mergeCell ref="C5:E5"/>
    <mergeCell ref="B6:E6"/>
    <mergeCell ref="B7:E7"/>
    <mergeCell ref="B8:E8"/>
    <mergeCell ref="B9:E9"/>
    <mergeCell ref="B10:E10"/>
    <mergeCell ref="B11:E11"/>
    <mergeCell ref="B12:E12"/>
    <mergeCell ref="B13:E13"/>
    <mergeCell ref="B14:E14"/>
    <mergeCell ref="B15:E15"/>
    <mergeCell ref="C17:E17"/>
  </mergeCells>
  <phoneticPr fontId="3"/>
  <conditionalFormatting sqref="K3:BM56">
    <cfRule type="cellIs" dxfId="1" priority="59" stopIfTrue="1" operator="equal">
      <formula>0</formula>
    </cfRule>
  </conditionalFormatting>
  <conditionalFormatting sqref="BN1:BN74 BQ75:BQ1048576">
    <cfRule type="cellIs" dxfId="0" priority="1" operator="equal">
      <formula>0</formula>
    </cfRule>
  </conditionalFormatting>
  <pageMargins left="0.78740157480314965" right="0.78740157480314965" top="1.2598425196850394" bottom="0.78740157480314965" header="0.51181102362204722" footer="0.51181102362204722"/>
  <pageSetup paperSize="9" scale="95" firstPageNumber="128" orientation="portrait" useFirstPageNumber="1" r:id="rId1"/>
  <headerFooter>
    <oddHeader>&amp;L&amp;"ＭＳ ゴシック,標準"Ⅳ　令和６年度地方公営企業事業別決算状況
　１　水道事業（法適用事業）&amp;R&amp;"ＭＳ ゴシック,標準"
&amp;A</oddHeader>
    <oddFooter xml:space="preserve">&amp;C&amp;"ＭＳ ゴシック,標準"&amp;9 &amp;P </oddFooter>
  </headerFooter>
  <colBreaks count="1" manualBreakCount="1">
    <brk id="16" max="5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BFAD25-D026-4076-9C3B-9A6FA91D5B05}">
  <dimension ref="A1:DK80"/>
  <sheetViews>
    <sheetView view="pageBreakPreview" zoomScaleNormal="110" zoomScaleSheetLayoutView="100" workbookViewId="0">
      <selection sqref="A1:E2"/>
    </sheetView>
  </sheetViews>
  <sheetFormatPr defaultColWidth="4.33203125" defaultRowHeight="10" customHeight="1"/>
  <cols>
    <col min="1" max="4" width="1.33203125" style="43" customWidth="1"/>
    <col min="5" max="5" width="8.08203125" style="43" customWidth="1"/>
    <col min="6" max="6" width="4.33203125" style="144" customWidth="1"/>
    <col min="7" max="7" width="11.83203125" style="144" customWidth="1"/>
    <col min="8" max="8" width="4.33203125" style="144" customWidth="1"/>
    <col min="9" max="9" width="11.83203125" style="144" customWidth="1"/>
    <col min="10" max="10" width="4.33203125" style="144" customWidth="1"/>
    <col min="11" max="11" width="11.83203125" style="144" customWidth="1"/>
    <col min="12" max="12" width="4.33203125" style="144" customWidth="1"/>
    <col min="13" max="13" width="11.83203125" style="144" customWidth="1"/>
    <col min="14" max="14" width="4.33203125" style="43" customWidth="1"/>
    <col min="15" max="15" width="11.83203125" style="43" customWidth="1"/>
    <col min="16" max="16" width="4.33203125" style="144" customWidth="1"/>
    <col min="17" max="17" width="11.83203125" style="144" customWidth="1"/>
    <col min="18" max="18" width="4.33203125" style="144" customWidth="1"/>
    <col min="19" max="19" width="11.83203125" style="144" customWidth="1"/>
    <col min="20" max="20" width="4.33203125" style="144" customWidth="1"/>
    <col min="21" max="21" width="11.83203125" style="144" customWidth="1"/>
    <col min="22" max="22" width="4.33203125" style="144" customWidth="1"/>
    <col min="23" max="23" width="11.83203125" style="144" customWidth="1"/>
    <col min="24" max="24" width="4.33203125" style="144" customWidth="1"/>
    <col min="25" max="25" width="11.83203125" style="144" customWidth="1"/>
    <col min="26" max="26" width="4.33203125" style="144" customWidth="1"/>
    <col min="27" max="27" width="11.83203125" style="144" customWidth="1"/>
    <col min="28" max="28" width="4.33203125" style="144" customWidth="1"/>
    <col min="29" max="29" width="11.83203125" style="144" customWidth="1"/>
    <col min="30" max="30" width="4.33203125" style="43" customWidth="1"/>
    <col min="31" max="31" width="11.83203125" style="43" customWidth="1"/>
    <col min="32" max="32" width="4.33203125" style="43" customWidth="1"/>
    <col min="33" max="33" width="11.83203125" style="43" customWidth="1"/>
    <col min="34" max="34" width="4.33203125" style="43" customWidth="1"/>
    <col min="35" max="35" width="11.83203125" style="43" customWidth="1"/>
    <col min="36" max="36" width="4.33203125" style="43" customWidth="1"/>
    <col min="37" max="37" width="11.83203125" style="43" customWidth="1"/>
    <col min="38" max="38" width="4.33203125" style="144" customWidth="1"/>
    <col min="39" max="39" width="11.83203125" style="144" customWidth="1"/>
    <col min="40" max="40" width="4.33203125" style="144" customWidth="1"/>
    <col min="41" max="41" width="11.83203125" style="144" customWidth="1"/>
    <col min="42" max="42" width="4.33203125" style="144" customWidth="1"/>
    <col min="43" max="43" width="11.83203125" style="144" customWidth="1"/>
    <col min="44" max="44" width="4.33203125" style="43" customWidth="1"/>
    <col min="45" max="45" width="11.83203125" style="43" customWidth="1"/>
    <col min="46" max="46" width="4.33203125" style="43" customWidth="1"/>
    <col min="47" max="47" width="11.83203125" style="43" customWidth="1"/>
    <col min="48" max="48" width="4.33203125" style="144" customWidth="1"/>
    <col min="49" max="49" width="11.83203125" style="144" customWidth="1"/>
    <col min="50" max="50" width="4.33203125" style="144" customWidth="1"/>
    <col min="51" max="51" width="11.83203125" style="144" customWidth="1"/>
    <col min="52" max="52" width="4.33203125" style="144" customWidth="1"/>
    <col min="53" max="53" width="11.83203125" style="144" customWidth="1"/>
    <col min="54" max="54" width="4.33203125" style="144" customWidth="1"/>
    <col min="55" max="55" width="11.83203125" style="144" customWidth="1"/>
    <col min="56" max="56" width="4.33203125" style="43" customWidth="1"/>
    <col min="57" max="57" width="11.83203125" style="43" customWidth="1"/>
    <col min="58" max="58" width="4.33203125" style="144" customWidth="1"/>
    <col min="59" max="59" width="11.83203125" style="144" customWidth="1"/>
    <col min="60" max="60" width="4.33203125" style="144" customWidth="1"/>
    <col min="61" max="61" width="11.83203125" style="144" customWidth="1"/>
    <col min="62" max="62" width="4.33203125" style="43" customWidth="1"/>
    <col min="63" max="63" width="11.83203125" style="43" customWidth="1"/>
    <col min="64" max="64" width="4.33203125" style="144" customWidth="1"/>
    <col min="65" max="65" width="11.83203125" style="144" customWidth="1"/>
    <col min="66" max="66" width="4.33203125" style="144" customWidth="1"/>
    <col min="67" max="67" width="11.83203125" style="144" customWidth="1"/>
    <col min="68" max="68" width="4.33203125" style="144" customWidth="1"/>
    <col min="69" max="69" width="11.83203125" style="144" customWidth="1"/>
    <col min="70" max="70" width="4.33203125" style="144" customWidth="1"/>
    <col min="71" max="71" width="11.83203125" style="144" customWidth="1"/>
    <col min="72" max="72" width="4.33203125" style="144" customWidth="1"/>
    <col min="73" max="73" width="11.83203125" style="144" customWidth="1"/>
    <col min="74" max="74" width="4.33203125" style="43" customWidth="1"/>
    <col min="75" max="75" width="11.83203125" style="43" customWidth="1"/>
    <col min="76" max="76" width="4.33203125" style="145" customWidth="1"/>
    <col min="77" max="77" width="11.83203125" style="144" customWidth="1"/>
    <col min="78" max="78" width="4.33203125" style="144" customWidth="1"/>
    <col min="79" max="79" width="11.83203125" style="144" customWidth="1"/>
    <col min="80" max="80" width="4.33203125" style="144" customWidth="1"/>
    <col min="81" max="81" width="11.83203125" style="144" customWidth="1"/>
    <col min="82" max="82" width="4.33203125" style="144" customWidth="1"/>
    <col min="83" max="83" width="11.83203125" style="144" customWidth="1"/>
    <col min="84" max="84" width="4.33203125" style="144" customWidth="1"/>
    <col min="85" max="85" width="11.83203125" style="144" customWidth="1"/>
    <col min="86" max="86" width="4.33203125" style="144" customWidth="1"/>
    <col min="87" max="87" width="11.83203125" style="144" customWidth="1"/>
    <col min="88" max="88" width="4.33203125" style="43" customWidth="1"/>
    <col min="89" max="89" width="11.83203125" style="43" customWidth="1"/>
    <col min="90" max="90" width="4.33203125" style="144" customWidth="1"/>
    <col min="91" max="91" width="11.83203125" style="144" customWidth="1"/>
    <col min="92" max="92" width="4.33203125" style="144" customWidth="1"/>
    <col min="93" max="93" width="11.83203125" style="144" customWidth="1"/>
    <col min="94" max="94" width="4.33203125" style="43" customWidth="1"/>
    <col min="95" max="95" width="11.83203125" style="43" customWidth="1"/>
    <col min="96" max="96" width="4.33203125" style="43" customWidth="1"/>
    <col min="97" max="97" width="11.83203125" style="43" customWidth="1"/>
    <col min="98" max="98" width="4.33203125" style="144" customWidth="1"/>
    <col min="99" max="99" width="11.83203125" style="144" customWidth="1"/>
    <col min="100" max="100" width="4.33203125" style="43" customWidth="1"/>
    <col min="101" max="101" width="11.83203125" style="43" customWidth="1"/>
    <col min="102" max="102" width="4.33203125" style="144" customWidth="1"/>
    <col min="103" max="103" width="11.83203125" style="144" customWidth="1"/>
    <col min="104" max="104" width="4.33203125" style="43" customWidth="1"/>
    <col min="105" max="105" width="11.83203125" style="43" customWidth="1"/>
    <col min="106" max="106" width="4.33203125" style="43" customWidth="1"/>
    <col min="107" max="107" width="11.83203125" style="43" customWidth="1"/>
    <col min="108" max="108" width="4.33203125" style="144" customWidth="1"/>
    <col min="109" max="109" width="11.83203125" style="144" customWidth="1"/>
    <col min="110" max="110" width="4.33203125" style="144" customWidth="1"/>
    <col min="111" max="111" width="11.83203125" style="144" customWidth="1"/>
    <col min="112" max="112" width="4.33203125" style="43" customWidth="1"/>
    <col min="113" max="113" width="11.83203125" style="43" customWidth="1"/>
    <col min="114" max="114" width="4.33203125" style="144" customWidth="1"/>
    <col min="115" max="115" width="11.83203125" style="144" customWidth="1"/>
    <col min="116" max="164" width="5.33203125" style="43" customWidth="1"/>
    <col min="165" max="170" width="1.33203125" style="43" customWidth="1"/>
    <col min="171" max="171" width="8.08203125" style="43" customWidth="1"/>
    <col min="172" max="172" width="4.33203125" style="43" customWidth="1"/>
    <col min="173" max="173" width="11.83203125" style="43" customWidth="1"/>
    <col min="174" max="174" width="4.33203125" style="43" customWidth="1"/>
    <col min="175" max="175" width="11.83203125" style="43" customWidth="1"/>
    <col min="176" max="176" width="4.33203125" style="43" customWidth="1"/>
    <col min="177" max="177" width="11.83203125" style="43" customWidth="1"/>
    <col min="178" max="178" width="4.33203125" style="43" customWidth="1"/>
    <col min="179" max="179" width="11.83203125" style="43" customWidth="1"/>
    <col min="180" max="180" width="4.33203125" style="43" customWidth="1"/>
    <col min="181" max="181" width="11.83203125" style="43" customWidth="1"/>
    <col min="182" max="182" width="4.33203125" style="43" customWidth="1"/>
    <col min="183" max="183" width="11.83203125" style="43" customWidth="1"/>
    <col min="184" max="184" width="4.33203125" style="43" customWidth="1"/>
    <col min="185" max="185" width="11.83203125" style="43" customWidth="1"/>
    <col min="186" max="186" width="4.33203125" style="43" customWidth="1"/>
    <col min="187" max="187" width="11.83203125" style="43" customWidth="1"/>
    <col min="188" max="188" width="4.33203125" style="43" customWidth="1"/>
    <col min="189" max="189" width="11.83203125" style="43" customWidth="1"/>
    <col min="190" max="190" width="4.33203125" style="43" customWidth="1"/>
    <col min="191" max="191" width="11.83203125" style="43" customWidth="1"/>
    <col min="192" max="192" width="4.33203125" style="43" customWidth="1"/>
    <col min="193" max="193" width="11.83203125" style="43" customWidth="1"/>
    <col min="194" max="194" width="4.33203125" style="43" customWidth="1"/>
    <col min="195" max="195" width="11.83203125" style="43" customWidth="1"/>
    <col min="196" max="196" width="4.33203125" style="43" customWidth="1"/>
    <col min="197" max="197" width="11.83203125" style="43" customWidth="1"/>
    <col min="198" max="198" width="4.33203125" style="43" customWidth="1"/>
    <col min="199" max="199" width="11.83203125" style="43" customWidth="1"/>
    <col min="200" max="200" width="4.33203125" style="43" customWidth="1"/>
    <col min="201" max="201" width="11.83203125" style="43" customWidth="1"/>
    <col min="202" max="202" width="4.33203125" style="43" customWidth="1"/>
    <col min="203" max="203" width="11.83203125" style="43" customWidth="1"/>
    <col min="204" max="204" width="4.33203125" style="43" customWidth="1"/>
    <col min="205" max="205" width="11.83203125" style="43" customWidth="1"/>
    <col min="206" max="206" width="4.33203125" style="43" customWidth="1"/>
    <col min="207" max="208" width="4.33203125" style="43"/>
    <col min="209" max="212" width="1.33203125" style="43" customWidth="1"/>
    <col min="213" max="213" width="8.08203125" style="43" customWidth="1"/>
    <col min="214" max="214" width="4.33203125" style="43" customWidth="1"/>
    <col min="215" max="215" width="11.83203125" style="43" customWidth="1"/>
    <col min="216" max="216" width="4.33203125" style="43" customWidth="1"/>
    <col min="217" max="217" width="11.83203125" style="43" customWidth="1"/>
    <col min="218" max="218" width="4.33203125" style="43" customWidth="1"/>
    <col min="219" max="219" width="11.83203125" style="43" customWidth="1"/>
    <col min="220" max="220" width="4.33203125" style="43" customWidth="1"/>
    <col min="221" max="221" width="11.83203125" style="43" customWidth="1"/>
    <col min="222" max="222" width="4.33203125" style="43" customWidth="1"/>
    <col min="223" max="223" width="11.83203125" style="43" customWidth="1"/>
    <col min="224" max="224" width="4.33203125" style="43" customWidth="1"/>
    <col min="225" max="225" width="11.83203125" style="43" customWidth="1"/>
    <col min="226" max="226" width="4.33203125" style="43" customWidth="1"/>
    <col min="227" max="227" width="11.83203125" style="43" customWidth="1"/>
    <col min="228" max="228" width="4.33203125" style="43" customWidth="1"/>
    <col min="229" max="229" width="11.83203125" style="43" customWidth="1"/>
    <col min="230" max="230" width="4.33203125" style="43" customWidth="1"/>
    <col min="231" max="231" width="11.83203125" style="43" customWidth="1"/>
    <col min="232" max="232" width="4.33203125" style="43" customWidth="1"/>
    <col min="233" max="233" width="11.83203125" style="43" customWidth="1"/>
    <col min="234" max="234" width="4.33203125" style="43" customWidth="1"/>
    <col min="235" max="235" width="11.83203125" style="43" customWidth="1"/>
    <col min="236" max="236" width="4.33203125" style="43" customWidth="1"/>
    <col min="237" max="237" width="11.83203125" style="43" customWidth="1"/>
    <col min="238" max="238" width="4.33203125" style="43" customWidth="1"/>
    <col min="239" max="239" width="11.83203125" style="43" customWidth="1"/>
    <col min="240" max="240" width="4.33203125" style="43" customWidth="1"/>
    <col min="241" max="241" width="11.83203125" style="43" customWidth="1"/>
    <col min="242" max="242" width="4.33203125" style="43" customWidth="1"/>
    <col min="243" max="243" width="11.83203125" style="43" customWidth="1"/>
    <col min="244" max="244" width="4.33203125" style="43" customWidth="1"/>
    <col min="245" max="245" width="11.83203125" style="43" customWidth="1"/>
    <col min="246" max="246" width="4.33203125" style="43" customWidth="1"/>
    <col min="247" max="247" width="11.83203125" style="43" customWidth="1"/>
    <col min="248" max="248" width="4.33203125" style="43" customWidth="1"/>
    <col min="249" max="249" width="11.83203125" style="43" customWidth="1"/>
    <col min="250" max="250" width="4.33203125" style="43" customWidth="1"/>
    <col min="251" max="251" width="11.83203125" style="43" customWidth="1"/>
    <col min="252" max="252" width="4.33203125" style="43" customWidth="1"/>
    <col min="253" max="253" width="11.83203125" style="43" customWidth="1"/>
    <col min="254" max="254" width="4.33203125" style="43" customWidth="1"/>
    <col min="255" max="255" width="11.83203125" style="43" customWidth="1"/>
    <col min="256" max="256" width="4.33203125" style="43"/>
    <col min="257" max="257" width="11.83203125" style="43" customWidth="1"/>
    <col min="258" max="258" width="4.33203125" style="43" customWidth="1"/>
    <col min="259" max="259" width="11.83203125" style="43" customWidth="1"/>
    <col min="260" max="260" width="4.33203125" style="43" customWidth="1"/>
    <col min="261" max="261" width="11.83203125" style="43" customWidth="1"/>
    <col min="262" max="262" width="4.33203125" style="43" customWidth="1"/>
    <col min="263" max="263" width="11.83203125" style="43" customWidth="1"/>
    <col min="264" max="264" width="4.33203125" style="43" customWidth="1"/>
    <col min="265" max="265" width="11.83203125" style="43" customWidth="1"/>
    <col min="266" max="266" width="4.33203125" style="43" customWidth="1"/>
    <col min="267" max="267" width="11.83203125" style="43" customWidth="1"/>
    <col min="268" max="268" width="4.33203125" style="43" customWidth="1"/>
    <col min="269" max="269" width="11.83203125" style="43" customWidth="1"/>
    <col min="270" max="270" width="4.33203125" style="43" customWidth="1"/>
    <col min="271" max="271" width="11.83203125" style="43" customWidth="1"/>
    <col min="272" max="272" width="4.33203125" style="43" customWidth="1"/>
    <col min="273" max="273" width="11.83203125" style="43" customWidth="1"/>
    <col min="274" max="274" width="4.33203125" style="43" customWidth="1"/>
    <col min="275" max="275" width="11.83203125" style="43" customWidth="1"/>
    <col min="276" max="276" width="4.33203125" style="43" customWidth="1"/>
    <col min="277" max="277" width="11.83203125" style="43" customWidth="1"/>
    <col min="278" max="278" width="4.33203125" style="43" customWidth="1"/>
    <col min="279" max="279" width="11.83203125" style="43" customWidth="1"/>
    <col min="280" max="280" width="4.33203125" style="43" customWidth="1"/>
    <col min="281" max="281" width="11.83203125" style="43" customWidth="1"/>
    <col min="282" max="282" width="4.33203125" style="43" customWidth="1"/>
    <col min="283" max="283" width="11.83203125" style="43" customWidth="1"/>
    <col min="284" max="284" width="4.33203125" style="43" customWidth="1"/>
    <col min="285" max="285" width="11.83203125" style="43" customWidth="1"/>
    <col min="286" max="286" width="4.33203125" style="43" customWidth="1"/>
    <col min="287" max="287" width="11.83203125" style="43" customWidth="1"/>
    <col min="288" max="288" width="4.33203125" style="43" customWidth="1"/>
    <col min="289" max="289" width="11.83203125" style="43" customWidth="1"/>
    <col min="290" max="290" width="4.33203125" style="43" customWidth="1"/>
    <col min="291" max="291" width="11.83203125" style="43" customWidth="1"/>
    <col min="292" max="292" width="4.33203125" style="43" customWidth="1"/>
    <col min="293" max="293" width="11.83203125" style="43" customWidth="1"/>
    <col min="294" max="294" width="4.33203125" style="43" customWidth="1"/>
    <col min="295" max="295" width="11.83203125" style="43" customWidth="1"/>
    <col min="296" max="296" width="4.33203125" style="43" customWidth="1"/>
    <col min="297" max="297" width="11.83203125" style="43" customWidth="1"/>
    <col min="298" max="298" width="4.33203125" style="43" customWidth="1"/>
    <col min="299" max="299" width="11.83203125" style="43" customWidth="1"/>
    <col min="300" max="300" width="4.33203125" style="43" customWidth="1"/>
    <col min="301" max="301" width="11.83203125" style="43" customWidth="1"/>
    <col min="302" max="302" width="4.33203125" style="43" customWidth="1"/>
    <col min="303" max="303" width="11.83203125" style="43" customWidth="1"/>
    <col min="304" max="304" width="4.33203125" style="43" customWidth="1"/>
    <col min="305" max="305" width="11.83203125" style="43" customWidth="1"/>
    <col min="306" max="306" width="4.33203125" style="43" customWidth="1"/>
    <col min="307" max="307" width="11.83203125" style="43" customWidth="1"/>
    <col min="308" max="308" width="4.33203125" style="43" customWidth="1"/>
    <col min="309" max="309" width="11.83203125" style="43" customWidth="1"/>
    <col min="310" max="310" width="4.33203125" style="43" customWidth="1"/>
    <col min="311" max="311" width="11.83203125" style="43" customWidth="1"/>
    <col min="312" max="312" width="4.33203125" style="43" customWidth="1"/>
    <col min="313" max="313" width="11.83203125" style="43" customWidth="1"/>
    <col min="314" max="314" width="4.33203125" style="43" customWidth="1"/>
    <col min="315" max="315" width="11.83203125" style="43" customWidth="1"/>
    <col min="316" max="316" width="4.33203125" style="43" customWidth="1"/>
    <col min="317" max="317" width="11.83203125" style="43" customWidth="1"/>
    <col min="318" max="318" width="4.33203125" style="43" customWidth="1"/>
    <col min="319" max="319" width="11.83203125" style="43" customWidth="1"/>
    <col min="320" max="320" width="4.33203125" style="43" customWidth="1"/>
    <col min="321" max="321" width="11.83203125" style="43" customWidth="1"/>
    <col min="322" max="322" width="4.33203125" style="43" customWidth="1"/>
    <col min="323" max="323" width="11.83203125" style="43" customWidth="1"/>
    <col min="324" max="324" width="4.33203125" style="43" customWidth="1"/>
    <col min="325" max="325" width="11.83203125" style="43" customWidth="1"/>
    <col min="326" max="326" width="4.33203125" style="43" customWidth="1"/>
    <col min="327" max="327" width="11.83203125" style="43" customWidth="1"/>
    <col min="328" max="328" width="4.33203125" style="43" customWidth="1"/>
    <col min="329" max="329" width="11.83203125" style="43" customWidth="1"/>
    <col min="330" max="420" width="5.33203125" style="43" customWidth="1"/>
    <col min="421" max="426" width="1.33203125" style="43" customWidth="1"/>
    <col min="427" max="427" width="8.08203125" style="43" customWidth="1"/>
    <col min="428" max="428" width="4.33203125" style="43" customWidth="1"/>
    <col min="429" max="429" width="11.83203125" style="43" customWidth="1"/>
    <col min="430" max="430" width="4.33203125" style="43" customWidth="1"/>
    <col min="431" max="431" width="11.83203125" style="43" customWidth="1"/>
    <col min="432" max="432" width="4.33203125" style="43" customWidth="1"/>
    <col min="433" max="433" width="11.83203125" style="43" customWidth="1"/>
    <col min="434" max="434" width="4.33203125" style="43" customWidth="1"/>
    <col min="435" max="435" width="11.83203125" style="43" customWidth="1"/>
    <col min="436" max="436" width="4.33203125" style="43" customWidth="1"/>
    <col min="437" max="437" width="11.83203125" style="43" customWidth="1"/>
    <col min="438" max="438" width="4.33203125" style="43" customWidth="1"/>
    <col min="439" max="439" width="11.83203125" style="43" customWidth="1"/>
    <col min="440" max="440" width="4.33203125" style="43" customWidth="1"/>
    <col min="441" max="441" width="11.83203125" style="43" customWidth="1"/>
    <col min="442" max="442" width="4.33203125" style="43" customWidth="1"/>
    <col min="443" max="443" width="11.83203125" style="43" customWidth="1"/>
    <col min="444" max="444" width="4.33203125" style="43" customWidth="1"/>
    <col min="445" max="445" width="11.83203125" style="43" customWidth="1"/>
    <col min="446" max="446" width="4.33203125" style="43" customWidth="1"/>
    <col min="447" max="447" width="11.83203125" style="43" customWidth="1"/>
    <col min="448" max="448" width="4.33203125" style="43" customWidth="1"/>
    <col min="449" max="449" width="11.83203125" style="43" customWidth="1"/>
    <col min="450" max="450" width="4.33203125" style="43" customWidth="1"/>
    <col min="451" max="451" width="11.83203125" style="43" customWidth="1"/>
    <col min="452" max="452" width="4.33203125" style="43" customWidth="1"/>
    <col min="453" max="453" width="11.83203125" style="43" customWidth="1"/>
    <col min="454" max="454" width="4.33203125" style="43" customWidth="1"/>
    <col min="455" max="455" width="11.83203125" style="43" customWidth="1"/>
    <col min="456" max="456" width="4.33203125" style="43" customWidth="1"/>
    <col min="457" max="457" width="11.83203125" style="43" customWidth="1"/>
    <col min="458" max="458" width="4.33203125" style="43" customWidth="1"/>
    <col min="459" max="459" width="11.83203125" style="43" customWidth="1"/>
    <col min="460" max="460" width="4.33203125" style="43" customWidth="1"/>
    <col min="461" max="461" width="11.83203125" style="43" customWidth="1"/>
    <col min="462" max="462" width="4.33203125" style="43" customWidth="1"/>
    <col min="463" max="464" width="4.33203125" style="43"/>
    <col min="465" max="468" width="1.33203125" style="43" customWidth="1"/>
    <col min="469" max="469" width="8.08203125" style="43" customWidth="1"/>
    <col min="470" max="470" width="4.33203125" style="43" customWidth="1"/>
    <col min="471" max="471" width="11.83203125" style="43" customWidth="1"/>
    <col min="472" max="472" width="4.33203125" style="43" customWidth="1"/>
    <col min="473" max="473" width="11.83203125" style="43" customWidth="1"/>
    <col min="474" max="474" width="4.33203125" style="43" customWidth="1"/>
    <col min="475" max="475" width="11.83203125" style="43" customWidth="1"/>
    <col min="476" max="476" width="4.33203125" style="43" customWidth="1"/>
    <col min="477" max="477" width="11.83203125" style="43" customWidth="1"/>
    <col min="478" max="478" width="4.33203125" style="43" customWidth="1"/>
    <col min="479" max="479" width="11.83203125" style="43" customWidth="1"/>
    <col min="480" max="480" width="4.33203125" style="43" customWidth="1"/>
    <col min="481" max="481" width="11.83203125" style="43" customWidth="1"/>
    <col min="482" max="482" width="4.33203125" style="43" customWidth="1"/>
    <col min="483" max="483" width="11.83203125" style="43" customWidth="1"/>
    <col min="484" max="484" width="4.33203125" style="43" customWidth="1"/>
    <col min="485" max="485" width="11.83203125" style="43" customWidth="1"/>
    <col min="486" max="486" width="4.33203125" style="43" customWidth="1"/>
    <col min="487" max="487" width="11.83203125" style="43" customWidth="1"/>
    <col min="488" max="488" width="4.33203125" style="43" customWidth="1"/>
    <col min="489" max="489" width="11.83203125" style="43" customWidth="1"/>
    <col min="490" max="490" width="4.33203125" style="43" customWidth="1"/>
    <col min="491" max="491" width="11.83203125" style="43" customWidth="1"/>
    <col min="492" max="492" width="4.33203125" style="43" customWidth="1"/>
    <col min="493" max="493" width="11.83203125" style="43" customWidth="1"/>
    <col min="494" max="494" width="4.33203125" style="43" customWidth="1"/>
    <col min="495" max="495" width="11.83203125" style="43" customWidth="1"/>
    <col min="496" max="496" width="4.33203125" style="43" customWidth="1"/>
    <col min="497" max="497" width="11.83203125" style="43" customWidth="1"/>
    <col min="498" max="498" width="4.33203125" style="43" customWidth="1"/>
    <col min="499" max="499" width="11.83203125" style="43" customWidth="1"/>
    <col min="500" max="500" width="4.33203125" style="43" customWidth="1"/>
    <col min="501" max="501" width="11.83203125" style="43" customWidth="1"/>
    <col min="502" max="502" width="4.33203125" style="43" customWidth="1"/>
    <col min="503" max="503" width="11.83203125" style="43" customWidth="1"/>
    <col min="504" max="504" width="4.33203125" style="43" customWidth="1"/>
    <col min="505" max="505" width="11.83203125" style="43" customWidth="1"/>
    <col min="506" max="506" width="4.33203125" style="43" customWidth="1"/>
    <col min="507" max="507" width="11.83203125" style="43" customWidth="1"/>
    <col min="508" max="508" width="4.33203125" style="43" customWidth="1"/>
    <col min="509" max="509" width="11.83203125" style="43" customWidth="1"/>
    <col min="510" max="510" width="4.33203125" style="43" customWidth="1"/>
    <col min="511" max="511" width="11.83203125" style="43" customWidth="1"/>
    <col min="512" max="512" width="4.33203125" style="43"/>
    <col min="513" max="513" width="11.83203125" style="43" customWidth="1"/>
    <col min="514" max="514" width="4.33203125" style="43" customWidth="1"/>
    <col min="515" max="515" width="11.83203125" style="43" customWidth="1"/>
    <col min="516" max="516" width="4.33203125" style="43" customWidth="1"/>
    <col min="517" max="517" width="11.83203125" style="43" customWidth="1"/>
    <col min="518" max="518" width="4.33203125" style="43" customWidth="1"/>
    <col min="519" max="519" width="11.83203125" style="43" customWidth="1"/>
    <col min="520" max="520" width="4.33203125" style="43" customWidth="1"/>
    <col min="521" max="521" width="11.83203125" style="43" customWidth="1"/>
    <col min="522" max="522" width="4.33203125" style="43" customWidth="1"/>
    <col min="523" max="523" width="11.83203125" style="43" customWidth="1"/>
    <col min="524" max="524" width="4.33203125" style="43" customWidth="1"/>
    <col min="525" max="525" width="11.83203125" style="43" customWidth="1"/>
    <col min="526" max="526" width="4.33203125" style="43" customWidth="1"/>
    <col min="527" max="527" width="11.83203125" style="43" customWidth="1"/>
    <col min="528" max="528" width="4.33203125" style="43" customWidth="1"/>
    <col min="529" max="529" width="11.83203125" style="43" customWidth="1"/>
    <col min="530" max="530" width="4.33203125" style="43" customWidth="1"/>
    <col min="531" max="531" width="11.83203125" style="43" customWidth="1"/>
    <col min="532" max="532" width="4.33203125" style="43" customWidth="1"/>
    <col min="533" max="533" width="11.83203125" style="43" customWidth="1"/>
    <col min="534" max="534" width="4.33203125" style="43" customWidth="1"/>
    <col min="535" max="535" width="11.83203125" style="43" customWidth="1"/>
    <col min="536" max="536" width="4.33203125" style="43" customWidth="1"/>
    <col min="537" max="537" width="11.83203125" style="43" customWidth="1"/>
    <col min="538" max="538" width="4.33203125" style="43" customWidth="1"/>
    <col min="539" max="539" width="11.83203125" style="43" customWidth="1"/>
    <col min="540" max="540" width="4.33203125" style="43" customWidth="1"/>
    <col min="541" max="541" width="11.83203125" style="43" customWidth="1"/>
    <col min="542" max="542" width="4.33203125" style="43" customWidth="1"/>
    <col min="543" max="543" width="11.83203125" style="43" customWidth="1"/>
    <col min="544" max="544" width="4.33203125" style="43" customWidth="1"/>
    <col min="545" max="545" width="11.83203125" style="43" customWidth="1"/>
    <col min="546" max="546" width="4.33203125" style="43" customWidth="1"/>
    <col min="547" max="547" width="11.83203125" style="43" customWidth="1"/>
    <col min="548" max="548" width="4.33203125" style="43" customWidth="1"/>
    <col min="549" max="549" width="11.83203125" style="43" customWidth="1"/>
    <col min="550" max="550" width="4.33203125" style="43" customWidth="1"/>
    <col min="551" max="551" width="11.83203125" style="43" customWidth="1"/>
    <col min="552" max="552" width="4.33203125" style="43" customWidth="1"/>
    <col min="553" max="553" width="11.83203125" style="43" customWidth="1"/>
    <col min="554" max="554" width="4.33203125" style="43" customWidth="1"/>
    <col min="555" max="555" width="11.83203125" style="43" customWidth="1"/>
    <col min="556" max="556" width="4.33203125" style="43" customWidth="1"/>
    <col min="557" max="557" width="11.83203125" style="43" customWidth="1"/>
    <col min="558" max="558" width="4.33203125" style="43" customWidth="1"/>
    <col min="559" max="559" width="11.83203125" style="43" customWidth="1"/>
    <col min="560" max="560" width="4.33203125" style="43" customWidth="1"/>
    <col min="561" max="561" width="11.83203125" style="43" customWidth="1"/>
    <col min="562" max="562" width="4.33203125" style="43" customWidth="1"/>
    <col min="563" max="563" width="11.83203125" style="43" customWidth="1"/>
    <col min="564" max="564" width="4.33203125" style="43" customWidth="1"/>
    <col min="565" max="565" width="11.83203125" style="43" customWidth="1"/>
    <col min="566" max="566" width="4.33203125" style="43" customWidth="1"/>
    <col min="567" max="567" width="11.83203125" style="43" customWidth="1"/>
    <col min="568" max="568" width="4.33203125" style="43" customWidth="1"/>
    <col min="569" max="569" width="11.83203125" style="43" customWidth="1"/>
    <col min="570" max="570" width="4.33203125" style="43" customWidth="1"/>
    <col min="571" max="571" width="11.83203125" style="43" customWidth="1"/>
    <col min="572" max="572" width="4.33203125" style="43" customWidth="1"/>
    <col min="573" max="573" width="11.83203125" style="43" customWidth="1"/>
    <col min="574" max="574" width="4.33203125" style="43" customWidth="1"/>
    <col min="575" max="575" width="11.83203125" style="43" customWidth="1"/>
    <col min="576" max="576" width="4.33203125" style="43" customWidth="1"/>
    <col min="577" max="577" width="11.83203125" style="43" customWidth="1"/>
    <col min="578" max="578" width="4.33203125" style="43" customWidth="1"/>
    <col min="579" max="579" width="11.83203125" style="43" customWidth="1"/>
    <col min="580" max="580" width="4.33203125" style="43" customWidth="1"/>
    <col min="581" max="581" width="11.83203125" style="43" customWidth="1"/>
    <col min="582" max="582" width="4.33203125" style="43" customWidth="1"/>
    <col min="583" max="583" width="11.83203125" style="43" customWidth="1"/>
    <col min="584" max="584" width="4.33203125" style="43" customWidth="1"/>
    <col min="585" max="585" width="11.83203125" style="43" customWidth="1"/>
    <col min="586" max="676" width="5.33203125" style="43" customWidth="1"/>
    <col min="677" max="682" width="1.33203125" style="43" customWidth="1"/>
    <col min="683" max="683" width="8.08203125" style="43" customWidth="1"/>
    <col min="684" max="684" width="4.33203125" style="43" customWidth="1"/>
    <col min="685" max="685" width="11.83203125" style="43" customWidth="1"/>
    <col min="686" max="686" width="4.33203125" style="43" customWidth="1"/>
    <col min="687" max="687" width="11.83203125" style="43" customWidth="1"/>
    <col min="688" max="688" width="4.33203125" style="43" customWidth="1"/>
    <col min="689" max="689" width="11.83203125" style="43" customWidth="1"/>
    <col min="690" max="690" width="4.33203125" style="43" customWidth="1"/>
    <col min="691" max="691" width="11.83203125" style="43" customWidth="1"/>
    <col min="692" max="692" width="4.33203125" style="43" customWidth="1"/>
    <col min="693" max="693" width="11.83203125" style="43" customWidth="1"/>
    <col min="694" max="694" width="4.33203125" style="43" customWidth="1"/>
    <col min="695" max="695" width="11.83203125" style="43" customWidth="1"/>
    <col min="696" max="696" width="4.33203125" style="43" customWidth="1"/>
    <col min="697" max="697" width="11.83203125" style="43" customWidth="1"/>
    <col min="698" max="698" width="4.33203125" style="43" customWidth="1"/>
    <col min="699" max="699" width="11.83203125" style="43" customWidth="1"/>
    <col min="700" max="700" width="4.33203125" style="43" customWidth="1"/>
    <col min="701" max="701" width="11.83203125" style="43" customWidth="1"/>
    <col min="702" max="702" width="4.33203125" style="43" customWidth="1"/>
    <col min="703" max="703" width="11.83203125" style="43" customWidth="1"/>
    <col min="704" max="704" width="4.33203125" style="43" customWidth="1"/>
    <col min="705" max="705" width="11.83203125" style="43" customWidth="1"/>
    <col min="706" max="706" width="4.33203125" style="43" customWidth="1"/>
    <col min="707" max="707" width="11.83203125" style="43" customWidth="1"/>
    <col min="708" max="708" width="4.33203125" style="43" customWidth="1"/>
    <col min="709" max="709" width="11.83203125" style="43" customWidth="1"/>
    <col min="710" max="710" width="4.33203125" style="43" customWidth="1"/>
    <col min="711" max="711" width="11.83203125" style="43" customWidth="1"/>
    <col min="712" max="712" width="4.33203125" style="43" customWidth="1"/>
    <col min="713" max="713" width="11.83203125" style="43" customWidth="1"/>
    <col min="714" max="714" width="4.33203125" style="43" customWidth="1"/>
    <col min="715" max="715" width="11.83203125" style="43" customWidth="1"/>
    <col min="716" max="716" width="4.33203125" style="43" customWidth="1"/>
    <col min="717" max="717" width="11.83203125" style="43" customWidth="1"/>
    <col min="718" max="718" width="4.33203125" style="43" customWidth="1"/>
    <col min="719" max="720" width="4.33203125" style="43"/>
    <col min="721" max="724" width="1.33203125" style="43" customWidth="1"/>
    <col min="725" max="725" width="8.08203125" style="43" customWidth="1"/>
    <col min="726" max="726" width="4.33203125" style="43" customWidth="1"/>
    <col min="727" max="727" width="11.83203125" style="43" customWidth="1"/>
    <col min="728" max="728" width="4.33203125" style="43" customWidth="1"/>
    <col min="729" max="729" width="11.83203125" style="43" customWidth="1"/>
    <col min="730" max="730" width="4.33203125" style="43" customWidth="1"/>
    <col min="731" max="731" width="11.83203125" style="43" customWidth="1"/>
    <col min="732" max="732" width="4.33203125" style="43" customWidth="1"/>
    <col min="733" max="733" width="11.83203125" style="43" customWidth="1"/>
    <col min="734" max="734" width="4.33203125" style="43" customWidth="1"/>
    <col min="735" max="735" width="11.83203125" style="43" customWidth="1"/>
    <col min="736" max="736" width="4.33203125" style="43" customWidth="1"/>
    <col min="737" max="737" width="11.83203125" style="43" customWidth="1"/>
    <col min="738" max="738" width="4.33203125" style="43" customWidth="1"/>
    <col min="739" max="739" width="11.83203125" style="43" customWidth="1"/>
    <col min="740" max="740" width="4.33203125" style="43" customWidth="1"/>
    <col min="741" max="741" width="11.83203125" style="43" customWidth="1"/>
    <col min="742" max="742" width="4.33203125" style="43" customWidth="1"/>
    <col min="743" max="743" width="11.83203125" style="43" customWidth="1"/>
    <col min="744" max="744" width="4.33203125" style="43" customWidth="1"/>
    <col min="745" max="745" width="11.83203125" style="43" customWidth="1"/>
    <col min="746" max="746" width="4.33203125" style="43" customWidth="1"/>
    <col min="747" max="747" width="11.83203125" style="43" customWidth="1"/>
    <col min="748" max="748" width="4.33203125" style="43" customWidth="1"/>
    <col min="749" max="749" width="11.83203125" style="43" customWidth="1"/>
    <col min="750" max="750" width="4.33203125" style="43" customWidth="1"/>
    <col min="751" max="751" width="11.83203125" style="43" customWidth="1"/>
    <col min="752" max="752" width="4.33203125" style="43" customWidth="1"/>
    <col min="753" max="753" width="11.83203125" style="43" customWidth="1"/>
    <col min="754" max="754" width="4.33203125" style="43" customWidth="1"/>
    <col min="755" max="755" width="11.83203125" style="43" customWidth="1"/>
    <col min="756" max="756" width="4.33203125" style="43" customWidth="1"/>
    <col min="757" max="757" width="11.83203125" style="43" customWidth="1"/>
    <col min="758" max="758" width="4.33203125" style="43" customWidth="1"/>
    <col min="759" max="759" width="11.83203125" style="43" customWidth="1"/>
    <col min="760" max="760" width="4.33203125" style="43" customWidth="1"/>
    <col min="761" max="761" width="11.83203125" style="43" customWidth="1"/>
    <col min="762" max="762" width="4.33203125" style="43" customWidth="1"/>
    <col min="763" max="763" width="11.83203125" style="43" customWidth="1"/>
    <col min="764" max="764" width="4.33203125" style="43" customWidth="1"/>
    <col min="765" max="765" width="11.83203125" style="43" customWidth="1"/>
    <col min="766" max="766" width="4.33203125" style="43" customWidth="1"/>
    <col min="767" max="767" width="11.83203125" style="43" customWidth="1"/>
    <col min="768" max="768" width="4.33203125" style="43"/>
    <col min="769" max="769" width="11.83203125" style="43" customWidth="1"/>
    <col min="770" max="770" width="4.33203125" style="43" customWidth="1"/>
    <col min="771" max="771" width="11.83203125" style="43" customWidth="1"/>
    <col min="772" max="772" width="4.33203125" style="43" customWidth="1"/>
    <col min="773" max="773" width="11.83203125" style="43" customWidth="1"/>
    <col min="774" max="774" width="4.33203125" style="43" customWidth="1"/>
    <col min="775" max="775" width="11.83203125" style="43" customWidth="1"/>
    <col min="776" max="776" width="4.33203125" style="43" customWidth="1"/>
    <col min="777" max="777" width="11.83203125" style="43" customWidth="1"/>
    <col min="778" max="778" width="4.33203125" style="43" customWidth="1"/>
    <col min="779" max="779" width="11.83203125" style="43" customWidth="1"/>
    <col min="780" max="780" width="4.33203125" style="43" customWidth="1"/>
    <col min="781" max="781" width="11.83203125" style="43" customWidth="1"/>
    <col min="782" max="782" width="4.33203125" style="43" customWidth="1"/>
    <col min="783" max="783" width="11.83203125" style="43" customWidth="1"/>
    <col min="784" max="784" width="4.33203125" style="43" customWidth="1"/>
    <col min="785" max="785" width="11.83203125" style="43" customWidth="1"/>
    <col min="786" max="786" width="4.33203125" style="43" customWidth="1"/>
    <col min="787" max="787" width="11.83203125" style="43" customWidth="1"/>
    <col min="788" max="788" width="4.33203125" style="43" customWidth="1"/>
    <col min="789" max="789" width="11.83203125" style="43" customWidth="1"/>
    <col min="790" max="790" width="4.33203125" style="43" customWidth="1"/>
    <col min="791" max="791" width="11.83203125" style="43" customWidth="1"/>
    <col min="792" max="792" width="4.33203125" style="43" customWidth="1"/>
    <col min="793" max="793" width="11.83203125" style="43" customWidth="1"/>
    <col min="794" max="794" width="4.33203125" style="43" customWidth="1"/>
    <col min="795" max="795" width="11.83203125" style="43" customWidth="1"/>
    <col min="796" max="796" width="4.33203125" style="43" customWidth="1"/>
    <col min="797" max="797" width="11.83203125" style="43" customWidth="1"/>
    <col min="798" max="798" width="4.33203125" style="43" customWidth="1"/>
    <col min="799" max="799" width="11.83203125" style="43" customWidth="1"/>
    <col min="800" max="800" width="4.33203125" style="43" customWidth="1"/>
    <col min="801" max="801" width="11.83203125" style="43" customWidth="1"/>
    <col min="802" max="802" width="4.33203125" style="43" customWidth="1"/>
    <col min="803" max="803" width="11.83203125" style="43" customWidth="1"/>
    <col min="804" max="804" width="4.33203125" style="43" customWidth="1"/>
    <col min="805" max="805" width="11.83203125" style="43" customWidth="1"/>
    <col min="806" max="806" width="4.33203125" style="43" customWidth="1"/>
    <col min="807" max="807" width="11.83203125" style="43" customWidth="1"/>
    <col min="808" max="808" width="4.33203125" style="43" customWidth="1"/>
    <col min="809" max="809" width="11.83203125" style="43" customWidth="1"/>
    <col min="810" max="810" width="4.33203125" style="43" customWidth="1"/>
    <col min="811" max="811" width="11.83203125" style="43" customWidth="1"/>
    <col min="812" max="812" width="4.33203125" style="43" customWidth="1"/>
    <col min="813" max="813" width="11.83203125" style="43" customWidth="1"/>
    <col min="814" max="814" width="4.33203125" style="43" customWidth="1"/>
    <col min="815" max="815" width="11.83203125" style="43" customWidth="1"/>
    <col min="816" max="816" width="4.33203125" style="43" customWidth="1"/>
    <col min="817" max="817" width="11.83203125" style="43" customWidth="1"/>
    <col min="818" max="818" width="4.33203125" style="43" customWidth="1"/>
    <col min="819" max="819" width="11.83203125" style="43" customWidth="1"/>
    <col min="820" max="820" width="4.33203125" style="43" customWidth="1"/>
    <col min="821" max="821" width="11.83203125" style="43" customWidth="1"/>
    <col min="822" max="822" width="4.33203125" style="43" customWidth="1"/>
    <col min="823" max="823" width="11.83203125" style="43" customWidth="1"/>
    <col min="824" max="824" width="4.33203125" style="43" customWidth="1"/>
    <col min="825" max="825" width="11.83203125" style="43" customWidth="1"/>
    <col min="826" max="826" width="4.33203125" style="43" customWidth="1"/>
    <col min="827" max="827" width="11.83203125" style="43" customWidth="1"/>
    <col min="828" max="828" width="4.33203125" style="43" customWidth="1"/>
    <col min="829" max="829" width="11.83203125" style="43" customWidth="1"/>
    <col min="830" max="830" width="4.33203125" style="43" customWidth="1"/>
    <col min="831" max="831" width="11.83203125" style="43" customWidth="1"/>
    <col min="832" max="832" width="4.33203125" style="43" customWidth="1"/>
    <col min="833" max="833" width="11.83203125" style="43" customWidth="1"/>
    <col min="834" max="834" width="4.33203125" style="43" customWidth="1"/>
    <col min="835" max="835" width="11.83203125" style="43" customWidth="1"/>
    <col min="836" max="836" width="4.33203125" style="43" customWidth="1"/>
    <col min="837" max="837" width="11.83203125" style="43" customWidth="1"/>
    <col min="838" max="838" width="4.33203125" style="43" customWidth="1"/>
    <col min="839" max="839" width="11.83203125" style="43" customWidth="1"/>
    <col min="840" max="840" width="4.33203125" style="43" customWidth="1"/>
    <col min="841" max="841" width="11.83203125" style="43" customWidth="1"/>
    <col min="842" max="932" width="5.33203125" style="43" customWidth="1"/>
    <col min="933" max="938" width="1.33203125" style="43" customWidth="1"/>
    <col min="939" max="939" width="8.08203125" style="43" customWidth="1"/>
    <col min="940" max="940" width="4.33203125" style="43" customWidth="1"/>
    <col min="941" max="941" width="11.83203125" style="43" customWidth="1"/>
    <col min="942" max="942" width="4.33203125" style="43" customWidth="1"/>
    <col min="943" max="943" width="11.83203125" style="43" customWidth="1"/>
    <col min="944" max="944" width="4.33203125" style="43" customWidth="1"/>
    <col min="945" max="945" width="11.83203125" style="43" customWidth="1"/>
    <col min="946" max="946" width="4.33203125" style="43" customWidth="1"/>
    <col min="947" max="947" width="11.83203125" style="43" customWidth="1"/>
    <col min="948" max="948" width="4.33203125" style="43" customWidth="1"/>
    <col min="949" max="949" width="11.83203125" style="43" customWidth="1"/>
    <col min="950" max="950" width="4.33203125" style="43" customWidth="1"/>
    <col min="951" max="951" width="11.83203125" style="43" customWidth="1"/>
    <col min="952" max="952" width="4.33203125" style="43" customWidth="1"/>
    <col min="953" max="953" width="11.83203125" style="43" customWidth="1"/>
    <col min="954" max="954" width="4.33203125" style="43" customWidth="1"/>
    <col min="955" max="955" width="11.83203125" style="43" customWidth="1"/>
    <col min="956" max="956" width="4.33203125" style="43" customWidth="1"/>
    <col min="957" max="957" width="11.83203125" style="43" customWidth="1"/>
    <col min="958" max="958" width="4.33203125" style="43" customWidth="1"/>
    <col min="959" max="959" width="11.83203125" style="43" customWidth="1"/>
    <col min="960" max="960" width="4.33203125" style="43" customWidth="1"/>
    <col min="961" max="961" width="11.83203125" style="43" customWidth="1"/>
    <col min="962" max="962" width="4.33203125" style="43" customWidth="1"/>
    <col min="963" max="963" width="11.83203125" style="43" customWidth="1"/>
    <col min="964" max="964" width="4.33203125" style="43" customWidth="1"/>
    <col min="965" max="965" width="11.83203125" style="43" customWidth="1"/>
    <col min="966" max="966" width="4.33203125" style="43" customWidth="1"/>
    <col min="967" max="967" width="11.83203125" style="43" customWidth="1"/>
    <col min="968" max="968" width="4.33203125" style="43" customWidth="1"/>
    <col min="969" max="969" width="11.83203125" style="43" customWidth="1"/>
    <col min="970" max="970" width="4.33203125" style="43" customWidth="1"/>
    <col min="971" max="971" width="11.83203125" style="43" customWidth="1"/>
    <col min="972" max="972" width="4.33203125" style="43" customWidth="1"/>
    <col min="973" max="973" width="11.83203125" style="43" customWidth="1"/>
    <col min="974" max="974" width="4.33203125" style="43" customWidth="1"/>
    <col min="975" max="976" width="4.33203125" style="43"/>
    <col min="977" max="980" width="1.33203125" style="43" customWidth="1"/>
    <col min="981" max="981" width="8.08203125" style="43" customWidth="1"/>
    <col min="982" max="982" width="4.33203125" style="43" customWidth="1"/>
    <col min="983" max="983" width="11.83203125" style="43" customWidth="1"/>
    <col min="984" max="984" width="4.33203125" style="43" customWidth="1"/>
    <col min="985" max="985" width="11.83203125" style="43" customWidth="1"/>
    <col min="986" max="986" width="4.33203125" style="43" customWidth="1"/>
    <col min="987" max="987" width="11.83203125" style="43" customWidth="1"/>
    <col min="988" max="988" width="4.33203125" style="43" customWidth="1"/>
    <col min="989" max="989" width="11.83203125" style="43" customWidth="1"/>
    <col min="990" max="990" width="4.33203125" style="43" customWidth="1"/>
    <col min="991" max="991" width="11.83203125" style="43" customWidth="1"/>
    <col min="992" max="992" width="4.33203125" style="43" customWidth="1"/>
    <col min="993" max="993" width="11.83203125" style="43" customWidth="1"/>
    <col min="994" max="994" width="4.33203125" style="43" customWidth="1"/>
    <col min="995" max="995" width="11.83203125" style="43" customWidth="1"/>
    <col min="996" max="996" width="4.33203125" style="43" customWidth="1"/>
    <col min="997" max="997" width="11.83203125" style="43" customWidth="1"/>
    <col min="998" max="998" width="4.33203125" style="43" customWidth="1"/>
    <col min="999" max="999" width="11.83203125" style="43" customWidth="1"/>
    <col min="1000" max="1000" width="4.33203125" style="43" customWidth="1"/>
    <col min="1001" max="1001" width="11.83203125" style="43" customWidth="1"/>
    <col min="1002" max="1002" width="4.33203125" style="43" customWidth="1"/>
    <col min="1003" max="1003" width="11.83203125" style="43" customWidth="1"/>
    <col min="1004" max="1004" width="4.33203125" style="43" customWidth="1"/>
    <col min="1005" max="1005" width="11.83203125" style="43" customWidth="1"/>
    <col min="1006" max="1006" width="4.33203125" style="43" customWidth="1"/>
    <col min="1007" max="1007" width="11.83203125" style="43" customWidth="1"/>
    <col min="1008" max="1008" width="4.33203125" style="43" customWidth="1"/>
    <col min="1009" max="1009" width="11.83203125" style="43" customWidth="1"/>
    <col min="1010" max="1010" width="4.33203125" style="43" customWidth="1"/>
    <col min="1011" max="1011" width="11.83203125" style="43" customWidth="1"/>
    <col min="1012" max="1012" width="4.33203125" style="43" customWidth="1"/>
    <col min="1013" max="1013" width="11.83203125" style="43" customWidth="1"/>
    <col min="1014" max="1014" width="4.33203125" style="43" customWidth="1"/>
    <col min="1015" max="1015" width="11.83203125" style="43" customWidth="1"/>
    <col min="1016" max="1016" width="4.33203125" style="43" customWidth="1"/>
    <col min="1017" max="1017" width="11.83203125" style="43" customWidth="1"/>
    <col min="1018" max="1018" width="4.33203125" style="43" customWidth="1"/>
    <col min="1019" max="1019" width="11.83203125" style="43" customWidth="1"/>
    <col min="1020" max="1020" width="4.33203125" style="43" customWidth="1"/>
    <col min="1021" max="1021" width="11.83203125" style="43" customWidth="1"/>
    <col min="1022" max="1022" width="4.33203125" style="43" customWidth="1"/>
    <col min="1023" max="1023" width="11.83203125" style="43" customWidth="1"/>
    <col min="1024" max="1024" width="4.33203125" style="43"/>
    <col min="1025" max="1025" width="11.83203125" style="43" customWidth="1"/>
    <col min="1026" max="1026" width="4.33203125" style="43" customWidth="1"/>
    <col min="1027" max="1027" width="11.83203125" style="43" customWidth="1"/>
    <col min="1028" max="1028" width="4.33203125" style="43" customWidth="1"/>
    <col min="1029" max="1029" width="11.83203125" style="43" customWidth="1"/>
    <col min="1030" max="1030" width="4.33203125" style="43" customWidth="1"/>
    <col min="1031" max="1031" width="11.83203125" style="43" customWidth="1"/>
    <col min="1032" max="1032" width="4.33203125" style="43" customWidth="1"/>
    <col min="1033" max="1033" width="11.83203125" style="43" customWidth="1"/>
    <col min="1034" max="1034" width="4.33203125" style="43" customWidth="1"/>
    <col min="1035" max="1035" width="11.83203125" style="43" customWidth="1"/>
    <col min="1036" max="1036" width="4.33203125" style="43" customWidth="1"/>
    <col min="1037" max="1037" width="11.83203125" style="43" customWidth="1"/>
    <col min="1038" max="1038" width="4.33203125" style="43" customWidth="1"/>
    <col min="1039" max="1039" width="11.83203125" style="43" customWidth="1"/>
    <col min="1040" max="1040" width="4.33203125" style="43" customWidth="1"/>
    <col min="1041" max="1041" width="11.83203125" style="43" customWidth="1"/>
    <col min="1042" max="1042" width="4.33203125" style="43" customWidth="1"/>
    <col min="1043" max="1043" width="11.83203125" style="43" customWidth="1"/>
    <col min="1044" max="1044" width="4.33203125" style="43" customWidth="1"/>
    <col min="1045" max="1045" width="11.83203125" style="43" customWidth="1"/>
    <col min="1046" max="1046" width="4.33203125" style="43" customWidth="1"/>
    <col min="1047" max="1047" width="11.83203125" style="43" customWidth="1"/>
    <col min="1048" max="1048" width="4.33203125" style="43" customWidth="1"/>
    <col min="1049" max="1049" width="11.83203125" style="43" customWidth="1"/>
    <col min="1050" max="1050" width="4.33203125" style="43" customWidth="1"/>
    <col min="1051" max="1051" width="11.83203125" style="43" customWidth="1"/>
    <col min="1052" max="1052" width="4.33203125" style="43" customWidth="1"/>
    <col min="1053" max="1053" width="11.83203125" style="43" customWidth="1"/>
    <col min="1054" max="1054" width="4.33203125" style="43" customWidth="1"/>
    <col min="1055" max="1055" width="11.83203125" style="43" customWidth="1"/>
    <col min="1056" max="1056" width="4.33203125" style="43" customWidth="1"/>
    <col min="1057" max="1057" width="11.83203125" style="43" customWidth="1"/>
    <col min="1058" max="1058" width="4.33203125" style="43" customWidth="1"/>
    <col min="1059" max="1059" width="11.83203125" style="43" customWidth="1"/>
    <col min="1060" max="1060" width="4.33203125" style="43" customWidth="1"/>
    <col min="1061" max="1061" width="11.83203125" style="43" customWidth="1"/>
    <col min="1062" max="1062" width="4.33203125" style="43" customWidth="1"/>
    <col min="1063" max="1063" width="11.83203125" style="43" customWidth="1"/>
    <col min="1064" max="1064" width="4.33203125" style="43" customWidth="1"/>
    <col min="1065" max="1065" width="11.83203125" style="43" customWidth="1"/>
    <col min="1066" max="1066" width="4.33203125" style="43" customWidth="1"/>
    <col min="1067" max="1067" width="11.83203125" style="43" customWidth="1"/>
    <col min="1068" max="1068" width="4.33203125" style="43" customWidth="1"/>
    <col min="1069" max="1069" width="11.83203125" style="43" customWidth="1"/>
    <col min="1070" max="1070" width="4.33203125" style="43" customWidth="1"/>
    <col min="1071" max="1071" width="11.83203125" style="43" customWidth="1"/>
    <col min="1072" max="1072" width="4.33203125" style="43" customWidth="1"/>
    <col min="1073" max="1073" width="11.83203125" style="43" customWidth="1"/>
    <col min="1074" max="1074" width="4.33203125" style="43" customWidth="1"/>
    <col min="1075" max="1075" width="11.83203125" style="43" customWidth="1"/>
    <col min="1076" max="1076" width="4.33203125" style="43" customWidth="1"/>
    <col min="1077" max="1077" width="11.83203125" style="43" customWidth="1"/>
    <col min="1078" max="1078" width="4.33203125" style="43" customWidth="1"/>
    <col min="1079" max="1079" width="11.83203125" style="43" customWidth="1"/>
    <col min="1080" max="1080" width="4.33203125" style="43" customWidth="1"/>
    <col min="1081" max="1081" width="11.83203125" style="43" customWidth="1"/>
    <col min="1082" max="1082" width="4.33203125" style="43" customWidth="1"/>
    <col min="1083" max="1083" width="11.83203125" style="43" customWidth="1"/>
    <col min="1084" max="1084" width="4.33203125" style="43" customWidth="1"/>
    <col min="1085" max="1085" width="11.83203125" style="43" customWidth="1"/>
    <col min="1086" max="1086" width="4.33203125" style="43" customWidth="1"/>
    <col min="1087" max="1087" width="11.83203125" style="43" customWidth="1"/>
    <col min="1088" max="1088" width="4.33203125" style="43" customWidth="1"/>
    <col min="1089" max="1089" width="11.83203125" style="43" customWidth="1"/>
    <col min="1090" max="1090" width="4.33203125" style="43" customWidth="1"/>
    <col min="1091" max="1091" width="11.83203125" style="43" customWidth="1"/>
    <col min="1092" max="1092" width="4.33203125" style="43" customWidth="1"/>
    <col min="1093" max="1093" width="11.83203125" style="43" customWidth="1"/>
    <col min="1094" max="1094" width="4.33203125" style="43" customWidth="1"/>
    <col min="1095" max="1095" width="11.83203125" style="43" customWidth="1"/>
    <col min="1096" max="1096" width="4.33203125" style="43" customWidth="1"/>
    <col min="1097" max="1097" width="11.83203125" style="43" customWidth="1"/>
    <col min="1098" max="1188" width="5.33203125" style="43" customWidth="1"/>
    <col min="1189" max="1194" width="1.33203125" style="43" customWidth="1"/>
    <col min="1195" max="1195" width="8.08203125" style="43" customWidth="1"/>
    <col min="1196" max="1196" width="4.33203125" style="43" customWidth="1"/>
    <col min="1197" max="1197" width="11.83203125" style="43" customWidth="1"/>
    <col min="1198" max="1198" width="4.33203125" style="43" customWidth="1"/>
    <col min="1199" max="1199" width="11.83203125" style="43" customWidth="1"/>
    <col min="1200" max="1200" width="4.33203125" style="43" customWidth="1"/>
    <col min="1201" max="1201" width="11.83203125" style="43" customWidth="1"/>
    <col min="1202" max="1202" width="4.33203125" style="43" customWidth="1"/>
    <col min="1203" max="1203" width="11.83203125" style="43" customWidth="1"/>
    <col min="1204" max="1204" width="4.33203125" style="43" customWidth="1"/>
    <col min="1205" max="1205" width="11.83203125" style="43" customWidth="1"/>
    <col min="1206" max="1206" width="4.33203125" style="43" customWidth="1"/>
    <col min="1207" max="1207" width="11.83203125" style="43" customWidth="1"/>
    <col min="1208" max="1208" width="4.33203125" style="43" customWidth="1"/>
    <col min="1209" max="1209" width="11.83203125" style="43" customWidth="1"/>
    <col min="1210" max="1210" width="4.33203125" style="43" customWidth="1"/>
    <col min="1211" max="1211" width="11.83203125" style="43" customWidth="1"/>
    <col min="1212" max="1212" width="4.33203125" style="43" customWidth="1"/>
    <col min="1213" max="1213" width="11.83203125" style="43" customWidth="1"/>
    <col min="1214" max="1214" width="4.33203125" style="43" customWidth="1"/>
    <col min="1215" max="1215" width="11.83203125" style="43" customWidth="1"/>
    <col min="1216" max="1216" width="4.33203125" style="43" customWidth="1"/>
    <col min="1217" max="1217" width="11.83203125" style="43" customWidth="1"/>
    <col min="1218" max="1218" width="4.33203125" style="43" customWidth="1"/>
    <col min="1219" max="1219" width="11.83203125" style="43" customWidth="1"/>
    <col min="1220" max="1220" width="4.33203125" style="43" customWidth="1"/>
    <col min="1221" max="1221" width="11.83203125" style="43" customWidth="1"/>
    <col min="1222" max="1222" width="4.33203125" style="43" customWidth="1"/>
    <col min="1223" max="1223" width="11.83203125" style="43" customWidth="1"/>
    <col min="1224" max="1224" width="4.33203125" style="43" customWidth="1"/>
    <col min="1225" max="1225" width="11.83203125" style="43" customWidth="1"/>
    <col min="1226" max="1226" width="4.33203125" style="43" customWidth="1"/>
    <col min="1227" max="1227" width="11.83203125" style="43" customWidth="1"/>
    <col min="1228" max="1228" width="4.33203125" style="43" customWidth="1"/>
    <col min="1229" max="1229" width="11.83203125" style="43" customWidth="1"/>
    <col min="1230" max="1230" width="4.33203125" style="43" customWidth="1"/>
    <col min="1231" max="1232" width="4.33203125" style="43"/>
    <col min="1233" max="1236" width="1.33203125" style="43" customWidth="1"/>
    <col min="1237" max="1237" width="8.08203125" style="43" customWidth="1"/>
    <col min="1238" max="1238" width="4.33203125" style="43" customWidth="1"/>
    <col min="1239" max="1239" width="11.83203125" style="43" customWidth="1"/>
    <col min="1240" max="1240" width="4.33203125" style="43" customWidth="1"/>
    <col min="1241" max="1241" width="11.83203125" style="43" customWidth="1"/>
    <col min="1242" max="1242" width="4.33203125" style="43" customWidth="1"/>
    <col min="1243" max="1243" width="11.83203125" style="43" customWidth="1"/>
    <col min="1244" max="1244" width="4.33203125" style="43" customWidth="1"/>
    <col min="1245" max="1245" width="11.83203125" style="43" customWidth="1"/>
    <col min="1246" max="1246" width="4.33203125" style="43" customWidth="1"/>
    <col min="1247" max="1247" width="11.83203125" style="43" customWidth="1"/>
    <col min="1248" max="1248" width="4.33203125" style="43" customWidth="1"/>
    <col min="1249" max="1249" width="11.83203125" style="43" customWidth="1"/>
    <col min="1250" max="1250" width="4.33203125" style="43" customWidth="1"/>
    <col min="1251" max="1251" width="11.83203125" style="43" customWidth="1"/>
    <col min="1252" max="1252" width="4.33203125" style="43" customWidth="1"/>
    <col min="1253" max="1253" width="11.83203125" style="43" customWidth="1"/>
    <col min="1254" max="1254" width="4.33203125" style="43" customWidth="1"/>
    <col min="1255" max="1255" width="11.83203125" style="43" customWidth="1"/>
    <col min="1256" max="1256" width="4.33203125" style="43" customWidth="1"/>
    <col min="1257" max="1257" width="11.83203125" style="43" customWidth="1"/>
    <col min="1258" max="1258" width="4.33203125" style="43" customWidth="1"/>
    <col min="1259" max="1259" width="11.83203125" style="43" customWidth="1"/>
    <col min="1260" max="1260" width="4.33203125" style="43" customWidth="1"/>
    <col min="1261" max="1261" width="11.83203125" style="43" customWidth="1"/>
    <col min="1262" max="1262" width="4.33203125" style="43" customWidth="1"/>
    <col min="1263" max="1263" width="11.83203125" style="43" customWidth="1"/>
    <col min="1264" max="1264" width="4.33203125" style="43" customWidth="1"/>
    <col min="1265" max="1265" width="11.83203125" style="43" customWidth="1"/>
    <col min="1266" max="1266" width="4.33203125" style="43" customWidth="1"/>
    <col min="1267" max="1267" width="11.83203125" style="43" customWidth="1"/>
    <col min="1268" max="1268" width="4.33203125" style="43" customWidth="1"/>
    <col min="1269" max="1269" width="11.83203125" style="43" customWidth="1"/>
    <col min="1270" max="1270" width="4.33203125" style="43" customWidth="1"/>
    <col min="1271" max="1271" width="11.83203125" style="43" customWidth="1"/>
    <col min="1272" max="1272" width="4.33203125" style="43" customWidth="1"/>
    <col min="1273" max="1273" width="11.83203125" style="43" customWidth="1"/>
    <col min="1274" max="1274" width="4.33203125" style="43" customWidth="1"/>
    <col min="1275" max="1275" width="11.83203125" style="43" customWidth="1"/>
    <col min="1276" max="1276" width="4.33203125" style="43" customWidth="1"/>
    <col min="1277" max="1277" width="11.83203125" style="43" customWidth="1"/>
    <col min="1278" max="1278" width="4.33203125" style="43" customWidth="1"/>
    <col min="1279" max="1279" width="11.83203125" style="43" customWidth="1"/>
    <col min="1280" max="1280" width="4.33203125" style="43"/>
    <col min="1281" max="1281" width="11.83203125" style="43" customWidth="1"/>
    <col min="1282" max="1282" width="4.33203125" style="43" customWidth="1"/>
    <col min="1283" max="1283" width="11.83203125" style="43" customWidth="1"/>
    <col min="1284" max="1284" width="4.33203125" style="43" customWidth="1"/>
    <col min="1285" max="1285" width="11.83203125" style="43" customWidth="1"/>
    <col min="1286" max="1286" width="4.33203125" style="43" customWidth="1"/>
    <col min="1287" max="1287" width="11.83203125" style="43" customWidth="1"/>
    <col min="1288" max="1288" width="4.33203125" style="43" customWidth="1"/>
    <col min="1289" max="1289" width="11.83203125" style="43" customWidth="1"/>
    <col min="1290" max="1290" width="4.33203125" style="43" customWidth="1"/>
    <col min="1291" max="1291" width="11.83203125" style="43" customWidth="1"/>
    <col min="1292" max="1292" width="4.33203125" style="43" customWidth="1"/>
    <col min="1293" max="1293" width="11.83203125" style="43" customWidth="1"/>
    <col min="1294" max="1294" width="4.33203125" style="43" customWidth="1"/>
    <col min="1295" max="1295" width="11.83203125" style="43" customWidth="1"/>
    <col min="1296" max="1296" width="4.33203125" style="43" customWidth="1"/>
    <col min="1297" max="1297" width="11.83203125" style="43" customWidth="1"/>
    <col min="1298" max="1298" width="4.33203125" style="43" customWidth="1"/>
    <col min="1299" max="1299" width="11.83203125" style="43" customWidth="1"/>
    <col min="1300" max="1300" width="4.33203125" style="43" customWidth="1"/>
    <col min="1301" max="1301" width="11.83203125" style="43" customWidth="1"/>
    <col min="1302" max="1302" width="4.33203125" style="43" customWidth="1"/>
    <col min="1303" max="1303" width="11.83203125" style="43" customWidth="1"/>
    <col min="1304" max="1304" width="4.33203125" style="43" customWidth="1"/>
    <col min="1305" max="1305" width="11.83203125" style="43" customWidth="1"/>
    <col min="1306" max="1306" width="4.33203125" style="43" customWidth="1"/>
    <col min="1307" max="1307" width="11.83203125" style="43" customWidth="1"/>
    <col min="1308" max="1308" width="4.33203125" style="43" customWidth="1"/>
    <col min="1309" max="1309" width="11.83203125" style="43" customWidth="1"/>
    <col min="1310" max="1310" width="4.33203125" style="43" customWidth="1"/>
    <col min="1311" max="1311" width="11.83203125" style="43" customWidth="1"/>
    <col min="1312" max="1312" width="4.33203125" style="43" customWidth="1"/>
    <col min="1313" max="1313" width="11.83203125" style="43" customWidth="1"/>
    <col min="1314" max="1314" width="4.33203125" style="43" customWidth="1"/>
    <col min="1315" max="1315" width="11.83203125" style="43" customWidth="1"/>
    <col min="1316" max="1316" width="4.33203125" style="43" customWidth="1"/>
    <col min="1317" max="1317" width="11.83203125" style="43" customWidth="1"/>
    <col min="1318" max="1318" width="4.33203125" style="43" customWidth="1"/>
    <col min="1319" max="1319" width="11.83203125" style="43" customWidth="1"/>
    <col min="1320" max="1320" width="4.33203125" style="43" customWidth="1"/>
    <col min="1321" max="1321" width="11.83203125" style="43" customWidth="1"/>
    <col min="1322" max="1322" width="4.33203125" style="43" customWidth="1"/>
    <col min="1323" max="1323" width="11.83203125" style="43" customWidth="1"/>
    <col min="1324" max="1324" width="4.33203125" style="43" customWidth="1"/>
    <col min="1325" max="1325" width="11.83203125" style="43" customWidth="1"/>
    <col min="1326" max="1326" width="4.33203125" style="43" customWidth="1"/>
    <col min="1327" max="1327" width="11.83203125" style="43" customWidth="1"/>
    <col min="1328" max="1328" width="4.33203125" style="43" customWidth="1"/>
    <col min="1329" max="1329" width="11.83203125" style="43" customWidth="1"/>
    <col min="1330" max="1330" width="4.33203125" style="43" customWidth="1"/>
    <col min="1331" max="1331" width="11.83203125" style="43" customWidth="1"/>
    <col min="1332" max="1332" width="4.33203125" style="43" customWidth="1"/>
    <col min="1333" max="1333" width="11.83203125" style="43" customWidth="1"/>
    <col min="1334" max="1334" width="4.33203125" style="43" customWidth="1"/>
    <col min="1335" max="1335" width="11.83203125" style="43" customWidth="1"/>
    <col min="1336" max="1336" width="4.33203125" style="43" customWidth="1"/>
    <col min="1337" max="1337" width="11.83203125" style="43" customWidth="1"/>
    <col min="1338" max="1338" width="4.33203125" style="43" customWidth="1"/>
    <col min="1339" max="1339" width="11.83203125" style="43" customWidth="1"/>
    <col min="1340" max="1340" width="4.33203125" style="43" customWidth="1"/>
    <col min="1341" max="1341" width="11.83203125" style="43" customWidth="1"/>
    <col min="1342" max="1342" width="4.33203125" style="43" customWidth="1"/>
    <col min="1343" max="1343" width="11.83203125" style="43" customWidth="1"/>
    <col min="1344" max="1344" width="4.33203125" style="43" customWidth="1"/>
    <col min="1345" max="1345" width="11.83203125" style="43" customWidth="1"/>
    <col min="1346" max="1346" width="4.33203125" style="43" customWidth="1"/>
    <col min="1347" max="1347" width="11.83203125" style="43" customWidth="1"/>
    <col min="1348" max="1348" width="4.33203125" style="43" customWidth="1"/>
    <col min="1349" max="1349" width="11.83203125" style="43" customWidth="1"/>
    <col min="1350" max="1350" width="4.33203125" style="43" customWidth="1"/>
    <col min="1351" max="1351" width="11.83203125" style="43" customWidth="1"/>
    <col min="1352" max="1352" width="4.33203125" style="43" customWidth="1"/>
    <col min="1353" max="1353" width="11.83203125" style="43" customWidth="1"/>
    <col min="1354" max="1444" width="5.33203125" style="43" customWidth="1"/>
    <col min="1445" max="1450" width="1.33203125" style="43" customWidth="1"/>
    <col min="1451" max="1451" width="8.08203125" style="43" customWidth="1"/>
    <col min="1452" max="1452" width="4.33203125" style="43" customWidth="1"/>
    <col min="1453" max="1453" width="11.83203125" style="43" customWidth="1"/>
    <col min="1454" max="1454" width="4.33203125" style="43" customWidth="1"/>
    <col min="1455" max="1455" width="11.83203125" style="43" customWidth="1"/>
    <col min="1456" max="1456" width="4.33203125" style="43" customWidth="1"/>
    <col min="1457" max="1457" width="11.83203125" style="43" customWidth="1"/>
    <col min="1458" max="1458" width="4.33203125" style="43" customWidth="1"/>
    <col min="1459" max="1459" width="11.83203125" style="43" customWidth="1"/>
    <col min="1460" max="1460" width="4.33203125" style="43" customWidth="1"/>
    <col min="1461" max="1461" width="11.83203125" style="43" customWidth="1"/>
    <col min="1462" max="1462" width="4.33203125" style="43" customWidth="1"/>
    <col min="1463" max="1463" width="11.83203125" style="43" customWidth="1"/>
    <col min="1464" max="1464" width="4.33203125" style="43" customWidth="1"/>
    <col min="1465" max="1465" width="11.83203125" style="43" customWidth="1"/>
    <col min="1466" max="1466" width="4.33203125" style="43" customWidth="1"/>
    <col min="1467" max="1467" width="11.83203125" style="43" customWidth="1"/>
    <col min="1468" max="1468" width="4.33203125" style="43" customWidth="1"/>
    <col min="1469" max="1469" width="11.83203125" style="43" customWidth="1"/>
    <col min="1470" max="1470" width="4.33203125" style="43" customWidth="1"/>
    <col min="1471" max="1471" width="11.83203125" style="43" customWidth="1"/>
    <col min="1472" max="1472" width="4.33203125" style="43" customWidth="1"/>
    <col min="1473" max="1473" width="11.83203125" style="43" customWidth="1"/>
    <col min="1474" max="1474" width="4.33203125" style="43" customWidth="1"/>
    <col min="1475" max="1475" width="11.83203125" style="43" customWidth="1"/>
    <col min="1476" max="1476" width="4.33203125" style="43" customWidth="1"/>
    <col min="1477" max="1477" width="11.83203125" style="43" customWidth="1"/>
    <col min="1478" max="1478" width="4.33203125" style="43" customWidth="1"/>
    <col min="1479" max="1479" width="11.83203125" style="43" customWidth="1"/>
    <col min="1480" max="1480" width="4.33203125" style="43" customWidth="1"/>
    <col min="1481" max="1481" width="11.83203125" style="43" customWidth="1"/>
    <col min="1482" max="1482" width="4.33203125" style="43" customWidth="1"/>
    <col min="1483" max="1483" width="11.83203125" style="43" customWidth="1"/>
    <col min="1484" max="1484" width="4.33203125" style="43" customWidth="1"/>
    <col min="1485" max="1485" width="11.83203125" style="43" customWidth="1"/>
    <col min="1486" max="1486" width="4.33203125" style="43" customWidth="1"/>
    <col min="1487" max="1488" width="4.33203125" style="43"/>
    <col min="1489" max="1492" width="1.33203125" style="43" customWidth="1"/>
    <col min="1493" max="1493" width="8.08203125" style="43" customWidth="1"/>
    <col min="1494" max="1494" width="4.33203125" style="43" customWidth="1"/>
    <col min="1495" max="1495" width="11.83203125" style="43" customWidth="1"/>
    <col min="1496" max="1496" width="4.33203125" style="43" customWidth="1"/>
    <col min="1497" max="1497" width="11.83203125" style="43" customWidth="1"/>
    <col min="1498" max="1498" width="4.33203125" style="43" customWidth="1"/>
    <col min="1499" max="1499" width="11.83203125" style="43" customWidth="1"/>
    <col min="1500" max="1500" width="4.33203125" style="43" customWidth="1"/>
    <col min="1501" max="1501" width="11.83203125" style="43" customWidth="1"/>
    <col min="1502" max="1502" width="4.33203125" style="43" customWidth="1"/>
    <col min="1503" max="1503" width="11.83203125" style="43" customWidth="1"/>
    <col min="1504" max="1504" width="4.33203125" style="43" customWidth="1"/>
    <col min="1505" max="1505" width="11.83203125" style="43" customWidth="1"/>
    <col min="1506" max="1506" width="4.33203125" style="43" customWidth="1"/>
    <col min="1507" max="1507" width="11.83203125" style="43" customWidth="1"/>
    <col min="1508" max="1508" width="4.33203125" style="43" customWidth="1"/>
    <col min="1509" max="1509" width="11.83203125" style="43" customWidth="1"/>
    <col min="1510" max="1510" width="4.33203125" style="43" customWidth="1"/>
    <col min="1511" max="1511" width="11.83203125" style="43" customWidth="1"/>
    <col min="1512" max="1512" width="4.33203125" style="43" customWidth="1"/>
    <col min="1513" max="1513" width="11.83203125" style="43" customWidth="1"/>
    <col min="1514" max="1514" width="4.33203125" style="43" customWidth="1"/>
    <col min="1515" max="1515" width="11.83203125" style="43" customWidth="1"/>
    <col min="1516" max="1516" width="4.33203125" style="43" customWidth="1"/>
    <col min="1517" max="1517" width="11.83203125" style="43" customWidth="1"/>
    <col min="1518" max="1518" width="4.33203125" style="43" customWidth="1"/>
    <col min="1519" max="1519" width="11.83203125" style="43" customWidth="1"/>
    <col min="1520" max="1520" width="4.33203125" style="43" customWidth="1"/>
    <col min="1521" max="1521" width="11.83203125" style="43" customWidth="1"/>
    <col min="1522" max="1522" width="4.33203125" style="43" customWidth="1"/>
    <col min="1523" max="1523" width="11.83203125" style="43" customWidth="1"/>
    <col min="1524" max="1524" width="4.33203125" style="43" customWidth="1"/>
    <col min="1525" max="1525" width="11.83203125" style="43" customWidth="1"/>
    <col min="1526" max="1526" width="4.33203125" style="43" customWidth="1"/>
    <col min="1527" max="1527" width="11.83203125" style="43" customWidth="1"/>
    <col min="1528" max="1528" width="4.33203125" style="43" customWidth="1"/>
    <col min="1529" max="1529" width="11.83203125" style="43" customWidth="1"/>
    <col min="1530" max="1530" width="4.33203125" style="43" customWidth="1"/>
    <col min="1531" max="1531" width="11.83203125" style="43" customWidth="1"/>
    <col min="1532" max="1532" width="4.33203125" style="43" customWidth="1"/>
    <col min="1533" max="1533" width="11.83203125" style="43" customWidth="1"/>
    <col min="1534" max="1534" width="4.33203125" style="43" customWidth="1"/>
    <col min="1535" max="1535" width="11.83203125" style="43" customWidth="1"/>
    <col min="1536" max="1536" width="4.33203125" style="43"/>
    <col min="1537" max="1537" width="11.83203125" style="43" customWidth="1"/>
    <col min="1538" max="1538" width="4.33203125" style="43" customWidth="1"/>
    <col min="1539" max="1539" width="11.83203125" style="43" customWidth="1"/>
    <col min="1540" max="1540" width="4.33203125" style="43" customWidth="1"/>
    <col min="1541" max="1541" width="11.83203125" style="43" customWidth="1"/>
    <col min="1542" max="1542" width="4.33203125" style="43" customWidth="1"/>
    <col min="1543" max="1543" width="11.83203125" style="43" customWidth="1"/>
    <col min="1544" max="1544" width="4.33203125" style="43" customWidth="1"/>
    <col min="1545" max="1545" width="11.83203125" style="43" customWidth="1"/>
    <col min="1546" max="1546" width="4.33203125" style="43" customWidth="1"/>
    <col min="1547" max="1547" width="11.83203125" style="43" customWidth="1"/>
    <col min="1548" max="1548" width="4.33203125" style="43" customWidth="1"/>
    <col min="1549" max="1549" width="11.83203125" style="43" customWidth="1"/>
    <col min="1550" max="1550" width="4.33203125" style="43" customWidth="1"/>
    <col min="1551" max="1551" width="11.83203125" style="43" customWidth="1"/>
    <col min="1552" max="1552" width="4.33203125" style="43" customWidth="1"/>
    <col min="1553" max="1553" width="11.83203125" style="43" customWidth="1"/>
    <col min="1554" max="1554" width="4.33203125" style="43" customWidth="1"/>
    <col min="1555" max="1555" width="11.83203125" style="43" customWidth="1"/>
    <col min="1556" max="1556" width="4.33203125" style="43" customWidth="1"/>
    <col min="1557" max="1557" width="11.83203125" style="43" customWidth="1"/>
    <col min="1558" max="1558" width="4.33203125" style="43" customWidth="1"/>
    <col min="1559" max="1559" width="11.83203125" style="43" customWidth="1"/>
    <col min="1560" max="1560" width="4.33203125" style="43" customWidth="1"/>
    <col min="1561" max="1561" width="11.83203125" style="43" customWidth="1"/>
    <col min="1562" max="1562" width="4.33203125" style="43" customWidth="1"/>
    <col min="1563" max="1563" width="11.83203125" style="43" customWidth="1"/>
    <col min="1564" max="1564" width="4.33203125" style="43" customWidth="1"/>
    <col min="1565" max="1565" width="11.83203125" style="43" customWidth="1"/>
    <col min="1566" max="1566" width="4.33203125" style="43" customWidth="1"/>
    <col min="1567" max="1567" width="11.83203125" style="43" customWidth="1"/>
    <col min="1568" max="1568" width="4.33203125" style="43" customWidth="1"/>
    <col min="1569" max="1569" width="11.83203125" style="43" customWidth="1"/>
    <col min="1570" max="1570" width="4.33203125" style="43" customWidth="1"/>
    <col min="1571" max="1571" width="11.83203125" style="43" customWidth="1"/>
    <col min="1572" max="1572" width="4.33203125" style="43" customWidth="1"/>
    <col min="1573" max="1573" width="11.83203125" style="43" customWidth="1"/>
    <col min="1574" max="1574" width="4.33203125" style="43" customWidth="1"/>
    <col min="1575" max="1575" width="11.83203125" style="43" customWidth="1"/>
    <col min="1576" max="1576" width="4.33203125" style="43" customWidth="1"/>
    <col min="1577" max="1577" width="11.83203125" style="43" customWidth="1"/>
    <col min="1578" max="1578" width="4.33203125" style="43" customWidth="1"/>
    <col min="1579" max="1579" width="11.83203125" style="43" customWidth="1"/>
    <col min="1580" max="1580" width="4.33203125" style="43" customWidth="1"/>
    <col min="1581" max="1581" width="11.83203125" style="43" customWidth="1"/>
    <col min="1582" max="1582" width="4.33203125" style="43" customWidth="1"/>
    <col min="1583" max="1583" width="11.83203125" style="43" customWidth="1"/>
    <col min="1584" max="1584" width="4.33203125" style="43" customWidth="1"/>
    <col min="1585" max="1585" width="11.83203125" style="43" customWidth="1"/>
    <col min="1586" max="1586" width="4.33203125" style="43" customWidth="1"/>
    <col min="1587" max="1587" width="11.83203125" style="43" customWidth="1"/>
    <col min="1588" max="1588" width="4.33203125" style="43" customWidth="1"/>
    <col min="1589" max="1589" width="11.83203125" style="43" customWidth="1"/>
    <col min="1590" max="1590" width="4.33203125" style="43" customWidth="1"/>
    <col min="1591" max="1591" width="11.83203125" style="43" customWidth="1"/>
    <col min="1592" max="1592" width="4.33203125" style="43" customWidth="1"/>
    <col min="1593" max="1593" width="11.83203125" style="43" customWidth="1"/>
    <col min="1594" max="1594" width="4.33203125" style="43" customWidth="1"/>
    <col min="1595" max="1595" width="11.83203125" style="43" customWidth="1"/>
    <col min="1596" max="1596" width="4.33203125" style="43" customWidth="1"/>
    <col min="1597" max="1597" width="11.83203125" style="43" customWidth="1"/>
    <col min="1598" max="1598" width="4.33203125" style="43" customWidth="1"/>
    <col min="1599" max="1599" width="11.83203125" style="43" customWidth="1"/>
    <col min="1600" max="1600" width="4.33203125" style="43" customWidth="1"/>
    <col min="1601" max="1601" width="11.83203125" style="43" customWidth="1"/>
    <col min="1602" max="1602" width="4.33203125" style="43" customWidth="1"/>
    <col min="1603" max="1603" width="11.83203125" style="43" customWidth="1"/>
    <col min="1604" max="1604" width="4.33203125" style="43" customWidth="1"/>
    <col min="1605" max="1605" width="11.83203125" style="43" customWidth="1"/>
    <col min="1606" max="1606" width="4.33203125" style="43" customWidth="1"/>
    <col min="1607" max="1607" width="11.83203125" style="43" customWidth="1"/>
    <col min="1608" max="1608" width="4.33203125" style="43" customWidth="1"/>
    <col min="1609" max="1609" width="11.83203125" style="43" customWidth="1"/>
    <col min="1610" max="1700" width="5.33203125" style="43" customWidth="1"/>
    <col min="1701" max="1706" width="1.33203125" style="43" customWidth="1"/>
    <col min="1707" max="1707" width="8.08203125" style="43" customWidth="1"/>
    <col min="1708" max="1708" width="4.33203125" style="43" customWidth="1"/>
    <col min="1709" max="1709" width="11.83203125" style="43" customWidth="1"/>
    <col min="1710" max="1710" width="4.33203125" style="43" customWidth="1"/>
    <col min="1711" max="1711" width="11.83203125" style="43" customWidth="1"/>
    <col min="1712" max="1712" width="4.33203125" style="43" customWidth="1"/>
    <col min="1713" max="1713" width="11.83203125" style="43" customWidth="1"/>
    <col min="1714" max="1714" width="4.33203125" style="43" customWidth="1"/>
    <col min="1715" max="1715" width="11.83203125" style="43" customWidth="1"/>
    <col min="1716" max="1716" width="4.33203125" style="43" customWidth="1"/>
    <col min="1717" max="1717" width="11.83203125" style="43" customWidth="1"/>
    <col min="1718" max="1718" width="4.33203125" style="43" customWidth="1"/>
    <col min="1719" max="1719" width="11.83203125" style="43" customWidth="1"/>
    <col min="1720" max="1720" width="4.33203125" style="43" customWidth="1"/>
    <col min="1721" max="1721" width="11.83203125" style="43" customWidth="1"/>
    <col min="1722" max="1722" width="4.33203125" style="43" customWidth="1"/>
    <col min="1723" max="1723" width="11.83203125" style="43" customWidth="1"/>
    <col min="1724" max="1724" width="4.33203125" style="43" customWidth="1"/>
    <col min="1725" max="1725" width="11.83203125" style="43" customWidth="1"/>
    <col min="1726" max="1726" width="4.33203125" style="43" customWidth="1"/>
    <col min="1727" max="1727" width="11.83203125" style="43" customWidth="1"/>
    <col min="1728" max="1728" width="4.33203125" style="43" customWidth="1"/>
    <col min="1729" max="1729" width="11.83203125" style="43" customWidth="1"/>
    <col min="1730" max="1730" width="4.33203125" style="43" customWidth="1"/>
    <col min="1731" max="1731" width="11.83203125" style="43" customWidth="1"/>
    <col min="1732" max="1732" width="4.33203125" style="43" customWidth="1"/>
    <col min="1733" max="1733" width="11.83203125" style="43" customWidth="1"/>
    <col min="1734" max="1734" width="4.33203125" style="43" customWidth="1"/>
    <col min="1735" max="1735" width="11.83203125" style="43" customWidth="1"/>
    <col min="1736" max="1736" width="4.33203125" style="43" customWidth="1"/>
    <col min="1737" max="1737" width="11.83203125" style="43" customWidth="1"/>
    <col min="1738" max="1738" width="4.33203125" style="43" customWidth="1"/>
    <col min="1739" max="1739" width="11.83203125" style="43" customWidth="1"/>
    <col min="1740" max="1740" width="4.33203125" style="43" customWidth="1"/>
    <col min="1741" max="1741" width="11.83203125" style="43" customWidth="1"/>
    <col min="1742" max="1742" width="4.33203125" style="43" customWidth="1"/>
    <col min="1743" max="1744" width="4.33203125" style="43"/>
    <col min="1745" max="1748" width="1.33203125" style="43" customWidth="1"/>
    <col min="1749" max="1749" width="8.08203125" style="43" customWidth="1"/>
    <col min="1750" max="1750" width="4.33203125" style="43" customWidth="1"/>
    <col min="1751" max="1751" width="11.83203125" style="43" customWidth="1"/>
    <col min="1752" max="1752" width="4.33203125" style="43" customWidth="1"/>
    <col min="1753" max="1753" width="11.83203125" style="43" customWidth="1"/>
    <col min="1754" max="1754" width="4.33203125" style="43" customWidth="1"/>
    <col min="1755" max="1755" width="11.83203125" style="43" customWidth="1"/>
    <col min="1756" max="1756" width="4.33203125" style="43" customWidth="1"/>
    <col min="1757" max="1757" width="11.83203125" style="43" customWidth="1"/>
    <col min="1758" max="1758" width="4.33203125" style="43" customWidth="1"/>
    <col min="1759" max="1759" width="11.83203125" style="43" customWidth="1"/>
    <col min="1760" max="1760" width="4.33203125" style="43" customWidth="1"/>
    <col min="1761" max="1761" width="11.83203125" style="43" customWidth="1"/>
    <col min="1762" max="1762" width="4.33203125" style="43" customWidth="1"/>
    <col min="1763" max="1763" width="11.83203125" style="43" customWidth="1"/>
    <col min="1764" max="1764" width="4.33203125" style="43" customWidth="1"/>
    <col min="1765" max="1765" width="11.83203125" style="43" customWidth="1"/>
    <col min="1766" max="1766" width="4.33203125" style="43" customWidth="1"/>
    <col min="1767" max="1767" width="11.83203125" style="43" customWidth="1"/>
    <col min="1768" max="1768" width="4.33203125" style="43" customWidth="1"/>
    <col min="1769" max="1769" width="11.83203125" style="43" customWidth="1"/>
    <col min="1770" max="1770" width="4.33203125" style="43" customWidth="1"/>
    <col min="1771" max="1771" width="11.83203125" style="43" customWidth="1"/>
    <col min="1772" max="1772" width="4.33203125" style="43" customWidth="1"/>
    <col min="1773" max="1773" width="11.83203125" style="43" customWidth="1"/>
    <col min="1774" max="1774" width="4.33203125" style="43" customWidth="1"/>
    <col min="1775" max="1775" width="11.83203125" style="43" customWidth="1"/>
    <col min="1776" max="1776" width="4.33203125" style="43" customWidth="1"/>
    <col min="1777" max="1777" width="11.83203125" style="43" customWidth="1"/>
    <col min="1778" max="1778" width="4.33203125" style="43" customWidth="1"/>
    <col min="1779" max="1779" width="11.83203125" style="43" customWidth="1"/>
    <col min="1780" max="1780" width="4.33203125" style="43" customWidth="1"/>
    <col min="1781" max="1781" width="11.83203125" style="43" customWidth="1"/>
    <col min="1782" max="1782" width="4.33203125" style="43" customWidth="1"/>
    <col min="1783" max="1783" width="11.83203125" style="43" customWidth="1"/>
    <col min="1784" max="1784" width="4.33203125" style="43" customWidth="1"/>
    <col min="1785" max="1785" width="11.83203125" style="43" customWidth="1"/>
    <col min="1786" max="1786" width="4.33203125" style="43" customWidth="1"/>
    <col min="1787" max="1787" width="11.83203125" style="43" customWidth="1"/>
    <col min="1788" max="1788" width="4.33203125" style="43" customWidth="1"/>
    <col min="1789" max="1789" width="11.83203125" style="43" customWidth="1"/>
    <col min="1790" max="1790" width="4.33203125" style="43" customWidth="1"/>
    <col min="1791" max="1791" width="11.83203125" style="43" customWidth="1"/>
    <col min="1792" max="1792" width="4.33203125" style="43"/>
    <col min="1793" max="1793" width="11.83203125" style="43" customWidth="1"/>
    <col min="1794" max="1794" width="4.33203125" style="43" customWidth="1"/>
    <col min="1795" max="1795" width="11.83203125" style="43" customWidth="1"/>
    <col min="1796" max="1796" width="4.33203125" style="43" customWidth="1"/>
    <col min="1797" max="1797" width="11.83203125" style="43" customWidth="1"/>
    <col min="1798" max="1798" width="4.33203125" style="43" customWidth="1"/>
    <col min="1799" max="1799" width="11.83203125" style="43" customWidth="1"/>
    <col min="1800" max="1800" width="4.33203125" style="43" customWidth="1"/>
    <col min="1801" max="1801" width="11.83203125" style="43" customWidth="1"/>
    <col min="1802" max="1802" width="4.33203125" style="43" customWidth="1"/>
    <col min="1803" max="1803" width="11.83203125" style="43" customWidth="1"/>
    <col min="1804" max="1804" width="4.33203125" style="43" customWidth="1"/>
    <col min="1805" max="1805" width="11.83203125" style="43" customWidth="1"/>
    <col min="1806" max="1806" width="4.33203125" style="43" customWidth="1"/>
    <col min="1807" max="1807" width="11.83203125" style="43" customWidth="1"/>
    <col min="1808" max="1808" width="4.33203125" style="43" customWidth="1"/>
    <col min="1809" max="1809" width="11.83203125" style="43" customWidth="1"/>
    <col min="1810" max="1810" width="4.33203125" style="43" customWidth="1"/>
    <col min="1811" max="1811" width="11.83203125" style="43" customWidth="1"/>
    <col min="1812" max="1812" width="4.33203125" style="43" customWidth="1"/>
    <col min="1813" max="1813" width="11.83203125" style="43" customWidth="1"/>
    <col min="1814" max="1814" width="4.33203125" style="43" customWidth="1"/>
    <col min="1815" max="1815" width="11.83203125" style="43" customWidth="1"/>
    <col min="1816" max="1816" width="4.33203125" style="43" customWidth="1"/>
    <col min="1817" max="1817" width="11.83203125" style="43" customWidth="1"/>
    <col min="1818" max="1818" width="4.33203125" style="43" customWidth="1"/>
    <col min="1819" max="1819" width="11.83203125" style="43" customWidth="1"/>
    <col min="1820" max="1820" width="4.33203125" style="43" customWidth="1"/>
    <col min="1821" max="1821" width="11.83203125" style="43" customWidth="1"/>
    <col min="1822" max="1822" width="4.33203125" style="43" customWidth="1"/>
    <col min="1823" max="1823" width="11.83203125" style="43" customWidth="1"/>
    <col min="1824" max="1824" width="4.33203125" style="43" customWidth="1"/>
    <col min="1825" max="1825" width="11.83203125" style="43" customWidth="1"/>
    <col min="1826" max="1826" width="4.33203125" style="43" customWidth="1"/>
    <col min="1827" max="1827" width="11.83203125" style="43" customWidth="1"/>
    <col min="1828" max="1828" width="4.33203125" style="43" customWidth="1"/>
    <col min="1829" max="1829" width="11.83203125" style="43" customWidth="1"/>
    <col min="1830" max="1830" width="4.33203125" style="43" customWidth="1"/>
    <col min="1831" max="1831" width="11.83203125" style="43" customWidth="1"/>
    <col min="1832" max="1832" width="4.33203125" style="43" customWidth="1"/>
    <col min="1833" max="1833" width="11.83203125" style="43" customWidth="1"/>
    <col min="1834" max="1834" width="4.33203125" style="43" customWidth="1"/>
    <col min="1835" max="1835" width="11.83203125" style="43" customWidth="1"/>
    <col min="1836" max="1836" width="4.33203125" style="43" customWidth="1"/>
    <col min="1837" max="1837" width="11.83203125" style="43" customWidth="1"/>
    <col min="1838" max="1838" width="4.33203125" style="43" customWidth="1"/>
    <col min="1839" max="1839" width="11.83203125" style="43" customWidth="1"/>
    <col min="1840" max="1840" width="4.33203125" style="43" customWidth="1"/>
    <col min="1841" max="1841" width="11.83203125" style="43" customWidth="1"/>
    <col min="1842" max="1842" width="4.33203125" style="43" customWidth="1"/>
    <col min="1843" max="1843" width="11.83203125" style="43" customWidth="1"/>
    <col min="1844" max="1844" width="4.33203125" style="43" customWidth="1"/>
    <col min="1845" max="1845" width="11.83203125" style="43" customWidth="1"/>
    <col min="1846" max="1846" width="4.33203125" style="43" customWidth="1"/>
    <col min="1847" max="1847" width="11.83203125" style="43" customWidth="1"/>
    <col min="1848" max="1848" width="4.33203125" style="43" customWidth="1"/>
    <col min="1849" max="1849" width="11.83203125" style="43" customWidth="1"/>
    <col min="1850" max="1850" width="4.33203125" style="43" customWidth="1"/>
    <col min="1851" max="1851" width="11.83203125" style="43" customWidth="1"/>
    <col min="1852" max="1852" width="4.33203125" style="43" customWidth="1"/>
    <col min="1853" max="1853" width="11.83203125" style="43" customWidth="1"/>
    <col min="1854" max="1854" width="4.33203125" style="43" customWidth="1"/>
    <col min="1855" max="1855" width="11.83203125" style="43" customWidth="1"/>
    <col min="1856" max="1856" width="4.33203125" style="43" customWidth="1"/>
    <col min="1857" max="1857" width="11.83203125" style="43" customWidth="1"/>
    <col min="1858" max="1858" width="4.33203125" style="43" customWidth="1"/>
    <col min="1859" max="1859" width="11.83203125" style="43" customWidth="1"/>
    <col min="1860" max="1860" width="4.33203125" style="43" customWidth="1"/>
    <col min="1861" max="1861" width="11.83203125" style="43" customWidth="1"/>
    <col min="1862" max="1862" width="4.33203125" style="43" customWidth="1"/>
    <col min="1863" max="1863" width="11.83203125" style="43" customWidth="1"/>
    <col min="1864" max="1864" width="4.33203125" style="43" customWidth="1"/>
    <col min="1865" max="1865" width="11.83203125" style="43" customWidth="1"/>
    <col min="1866" max="1956" width="5.33203125" style="43" customWidth="1"/>
    <col min="1957" max="1962" width="1.33203125" style="43" customWidth="1"/>
    <col min="1963" max="1963" width="8.08203125" style="43" customWidth="1"/>
    <col min="1964" max="1964" width="4.33203125" style="43" customWidth="1"/>
    <col min="1965" max="1965" width="11.83203125" style="43" customWidth="1"/>
    <col min="1966" max="1966" width="4.33203125" style="43" customWidth="1"/>
    <col min="1967" max="1967" width="11.83203125" style="43" customWidth="1"/>
    <col min="1968" max="1968" width="4.33203125" style="43" customWidth="1"/>
    <col min="1969" max="1969" width="11.83203125" style="43" customWidth="1"/>
    <col min="1970" max="1970" width="4.33203125" style="43" customWidth="1"/>
    <col min="1971" max="1971" width="11.83203125" style="43" customWidth="1"/>
    <col min="1972" max="1972" width="4.33203125" style="43" customWidth="1"/>
    <col min="1973" max="1973" width="11.83203125" style="43" customWidth="1"/>
    <col min="1974" max="1974" width="4.33203125" style="43" customWidth="1"/>
    <col min="1975" max="1975" width="11.83203125" style="43" customWidth="1"/>
    <col min="1976" max="1976" width="4.33203125" style="43" customWidth="1"/>
    <col min="1977" max="1977" width="11.83203125" style="43" customWidth="1"/>
    <col min="1978" max="1978" width="4.33203125" style="43" customWidth="1"/>
    <col min="1979" max="1979" width="11.83203125" style="43" customWidth="1"/>
    <col min="1980" max="1980" width="4.33203125" style="43" customWidth="1"/>
    <col min="1981" max="1981" width="11.83203125" style="43" customWidth="1"/>
    <col min="1982" max="1982" width="4.33203125" style="43" customWidth="1"/>
    <col min="1983" max="1983" width="11.83203125" style="43" customWidth="1"/>
    <col min="1984" max="1984" width="4.33203125" style="43" customWidth="1"/>
    <col min="1985" max="1985" width="11.83203125" style="43" customWidth="1"/>
    <col min="1986" max="1986" width="4.33203125" style="43" customWidth="1"/>
    <col min="1987" max="1987" width="11.83203125" style="43" customWidth="1"/>
    <col min="1988" max="1988" width="4.33203125" style="43" customWidth="1"/>
    <col min="1989" max="1989" width="11.83203125" style="43" customWidth="1"/>
    <col min="1990" max="1990" width="4.33203125" style="43" customWidth="1"/>
    <col min="1991" max="1991" width="11.83203125" style="43" customWidth="1"/>
    <col min="1992" max="1992" width="4.33203125" style="43" customWidth="1"/>
    <col min="1993" max="1993" width="11.83203125" style="43" customWidth="1"/>
    <col min="1994" max="1994" width="4.33203125" style="43" customWidth="1"/>
    <col min="1995" max="1995" width="11.83203125" style="43" customWidth="1"/>
    <col min="1996" max="1996" width="4.33203125" style="43" customWidth="1"/>
    <col min="1997" max="1997" width="11.83203125" style="43" customWidth="1"/>
    <col min="1998" max="1998" width="4.33203125" style="43" customWidth="1"/>
    <col min="1999" max="2000" width="4.33203125" style="43"/>
    <col min="2001" max="2004" width="1.33203125" style="43" customWidth="1"/>
    <col min="2005" max="2005" width="8.08203125" style="43" customWidth="1"/>
    <col min="2006" max="2006" width="4.33203125" style="43" customWidth="1"/>
    <col min="2007" max="2007" width="11.83203125" style="43" customWidth="1"/>
    <col min="2008" max="2008" width="4.33203125" style="43" customWidth="1"/>
    <col min="2009" max="2009" width="11.83203125" style="43" customWidth="1"/>
    <col min="2010" max="2010" width="4.33203125" style="43" customWidth="1"/>
    <col min="2011" max="2011" width="11.83203125" style="43" customWidth="1"/>
    <col min="2012" max="2012" width="4.33203125" style="43" customWidth="1"/>
    <col min="2013" max="2013" width="11.83203125" style="43" customWidth="1"/>
    <col min="2014" max="2014" width="4.33203125" style="43" customWidth="1"/>
    <col min="2015" max="2015" width="11.83203125" style="43" customWidth="1"/>
    <col min="2016" max="2016" width="4.33203125" style="43" customWidth="1"/>
    <col min="2017" max="2017" width="11.83203125" style="43" customWidth="1"/>
    <col min="2018" max="2018" width="4.33203125" style="43" customWidth="1"/>
    <col min="2019" max="2019" width="11.83203125" style="43" customWidth="1"/>
    <col min="2020" max="2020" width="4.33203125" style="43" customWidth="1"/>
    <col min="2021" max="2021" width="11.83203125" style="43" customWidth="1"/>
    <col min="2022" max="2022" width="4.33203125" style="43" customWidth="1"/>
    <col min="2023" max="2023" width="11.83203125" style="43" customWidth="1"/>
    <col min="2024" max="2024" width="4.33203125" style="43" customWidth="1"/>
    <col min="2025" max="2025" width="11.83203125" style="43" customWidth="1"/>
    <col min="2026" max="2026" width="4.33203125" style="43" customWidth="1"/>
    <col min="2027" max="2027" width="11.83203125" style="43" customWidth="1"/>
    <col min="2028" max="2028" width="4.33203125" style="43" customWidth="1"/>
    <col min="2029" max="2029" width="11.83203125" style="43" customWidth="1"/>
    <col min="2030" max="2030" width="4.33203125" style="43" customWidth="1"/>
    <col min="2031" max="2031" width="11.83203125" style="43" customWidth="1"/>
    <col min="2032" max="2032" width="4.33203125" style="43" customWidth="1"/>
    <col min="2033" max="2033" width="11.83203125" style="43" customWidth="1"/>
    <col min="2034" max="2034" width="4.33203125" style="43" customWidth="1"/>
    <col min="2035" max="2035" width="11.83203125" style="43" customWidth="1"/>
    <col min="2036" max="2036" width="4.33203125" style="43" customWidth="1"/>
    <col min="2037" max="2037" width="11.83203125" style="43" customWidth="1"/>
    <col min="2038" max="2038" width="4.33203125" style="43" customWidth="1"/>
    <col min="2039" max="2039" width="11.83203125" style="43" customWidth="1"/>
    <col min="2040" max="2040" width="4.33203125" style="43" customWidth="1"/>
    <col min="2041" max="2041" width="11.83203125" style="43" customWidth="1"/>
    <col min="2042" max="2042" width="4.33203125" style="43" customWidth="1"/>
    <col min="2043" max="2043" width="11.83203125" style="43" customWidth="1"/>
    <col min="2044" max="2044" width="4.33203125" style="43" customWidth="1"/>
    <col min="2045" max="2045" width="11.83203125" style="43" customWidth="1"/>
    <col min="2046" max="2046" width="4.33203125" style="43" customWidth="1"/>
    <col min="2047" max="2047" width="11.83203125" style="43" customWidth="1"/>
    <col min="2048" max="2048" width="4.33203125" style="43"/>
    <col min="2049" max="2049" width="11.83203125" style="43" customWidth="1"/>
    <col min="2050" max="2050" width="4.33203125" style="43" customWidth="1"/>
    <col min="2051" max="2051" width="11.83203125" style="43" customWidth="1"/>
    <col min="2052" max="2052" width="4.33203125" style="43" customWidth="1"/>
    <col min="2053" max="2053" width="11.83203125" style="43" customWidth="1"/>
    <col min="2054" max="2054" width="4.33203125" style="43" customWidth="1"/>
    <col min="2055" max="2055" width="11.83203125" style="43" customWidth="1"/>
    <col min="2056" max="2056" width="4.33203125" style="43" customWidth="1"/>
    <col min="2057" max="2057" width="11.83203125" style="43" customWidth="1"/>
    <col min="2058" max="2058" width="4.33203125" style="43" customWidth="1"/>
    <col min="2059" max="2059" width="11.83203125" style="43" customWidth="1"/>
    <col min="2060" max="2060" width="4.33203125" style="43" customWidth="1"/>
    <col min="2061" max="2061" width="11.83203125" style="43" customWidth="1"/>
    <col min="2062" max="2062" width="4.33203125" style="43" customWidth="1"/>
    <col min="2063" max="2063" width="11.83203125" style="43" customWidth="1"/>
    <col min="2064" max="2064" width="4.33203125" style="43" customWidth="1"/>
    <col min="2065" max="2065" width="11.83203125" style="43" customWidth="1"/>
    <col min="2066" max="2066" width="4.33203125" style="43" customWidth="1"/>
    <col min="2067" max="2067" width="11.83203125" style="43" customWidth="1"/>
    <col min="2068" max="2068" width="4.33203125" style="43" customWidth="1"/>
    <col min="2069" max="2069" width="11.83203125" style="43" customWidth="1"/>
    <col min="2070" max="2070" width="4.33203125" style="43" customWidth="1"/>
    <col min="2071" max="2071" width="11.83203125" style="43" customWidth="1"/>
    <col min="2072" max="2072" width="4.33203125" style="43" customWidth="1"/>
    <col min="2073" max="2073" width="11.83203125" style="43" customWidth="1"/>
    <col min="2074" max="2074" width="4.33203125" style="43" customWidth="1"/>
    <col min="2075" max="2075" width="11.83203125" style="43" customWidth="1"/>
    <col min="2076" max="2076" width="4.33203125" style="43" customWidth="1"/>
    <col min="2077" max="2077" width="11.83203125" style="43" customWidth="1"/>
    <col min="2078" max="2078" width="4.33203125" style="43" customWidth="1"/>
    <col min="2079" max="2079" width="11.83203125" style="43" customWidth="1"/>
    <col min="2080" max="2080" width="4.33203125" style="43" customWidth="1"/>
    <col min="2081" max="2081" width="11.83203125" style="43" customWidth="1"/>
    <col min="2082" max="2082" width="4.33203125" style="43" customWidth="1"/>
    <col min="2083" max="2083" width="11.83203125" style="43" customWidth="1"/>
    <col min="2084" max="2084" width="4.33203125" style="43" customWidth="1"/>
    <col min="2085" max="2085" width="11.83203125" style="43" customWidth="1"/>
    <col min="2086" max="2086" width="4.33203125" style="43" customWidth="1"/>
    <col min="2087" max="2087" width="11.83203125" style="43" customWidth="1"/>
    <col min="2088" max="2088" width="4.33203125" style="43" customWidth="1"/>
    <col min="2089" max="2089" width="11.83203125" style="43" customWidth="1"/>
    <col min="2090" max="2090" width="4.33203125" style="43" customWidth="1"/>
    <col min="2091" max="2091" width="11.83203125" style="43" customWidth="1"/>
    <col min="2092" max="2092" width="4.33203125" style="43" customWidth="1"/>
    <col min="2093" max="2093" width="11.83203125" style="43" customWidth="1"/>
    <col min="2094" max="2094" width="4.33203125" style="43" customWidth="1"/>
    <col min="2095" max="2095" width="11.83203125" style="43" customWidth="1"/>
    <col min="2096" max="2096" width="4.33203125" style="43" customWidth="1"/>
    <col min="2097" max="2097" width="11.83203125" style="43" customWidth="1"/>
    <col min="2098" max="2098" width="4.33203125" style="43" customWidth="1"/>
    <col min="2099" max="2099" width="11.83203125" style="43" customWidth="1"/>
    <col min="2100" max="2100" width="4.33203125" style="43" customWidth="1"/>
    <col min="2101" max="2101" width="11.83203125" style="43" customWidth="1"/>
    <col min="2102" max="2102" width="4.33203125" style="43" customWidth="1"/>
    <col min="2103" max="2103" width="11.83203125" style="43" customWidth="1"/>
    <col min="2104" max="2104" width="4.33203125" style="43" customWidth="1"/>
    <col min="2105" max="2105" width="11.83203125" style="43" customWidth="1"/>
    <col min="2106" max="2106" width="4.33203125" style="43" customWidth="1"/>
    <col min="2107" max="2107" width="11.83203125" style="43" customWidth="1"/>
    <col min="2108" max="2108" width="4.33203125" style="43" customWidth="1"/>
    <col min="2109" max="2109" width="11.83203125" style="43" customWidth="1"/>
    <col min="2110" max="2110" width="4.33203125" style="43" customWidth="1"/>
    <col min="2111" max="2111" width="11.83203125" style="43" customWidth="1"/>
    <col min="2112" max="2112" width="4.33203125" style="43" customWidth="1"/>
    <col min="2113" max="2113" width="11.83203125" style="43" customWidth="1"/>
    <col min="2114" max="2114" width="4.33203125" style="43" customWidth="1"/>
    <col min="2115" max="2115" width="11.83203125" style="43" customWidth="1"/>
    <col min="2116" max="2116" width="4.33203125" style="43" customWidth="1"/>
    <col min="2117" max="2117" width="11.83203125" style="43" customWidth="1"/>
    <col min="2118" max="2118" width="4.33203125" style="43" customWidth="1"/>
    <col min="2119" max="2119" width="11.83203125" style="43" customWidth="1"/>
    <col min="2120" max="2120" width="4.33203125" style="43" customWidth="1"/>
    <col min="2121" max="2121" width="11.83203125" style="43" customWidth="1"/>
    <col min="2122" max="2212" width="5.33203125" style="43" customWidth="1"/>
    <col min="2213" max="2218" width="1.33203125" style="43" customWidth="1"/>
    <col min="2219" max="2219" width="8.08203125" style="43" customWidth="1"/>
    <col min="2220" max="2220" width="4.33203125" style="43" customWidth="1"/>
    <col min="2221" max="2221" width="11.83203125" style="43" customWidth="1"/>
    <col min="2222" max="2222" width="4.33203125" style="43" customWidth="1"/>
    <col min="2223" max="2223" width="11.83203125" style="43" customWidth="1"/>
    <col min="2224" max="2224" width="4.33203125" style="43" customWidth="1"/>
    <col min="2225" max="2225" width="11.83203125" style="43" customWidth="1"/>
    <col min="2226" max="2226" width="4.33203125" style="43" customWidth="1"/>
    <col min="2227" max="2227" width="11.83203125" style="43" customWidth="1"/>
    <col min="2228" max="2228" width="4.33203125" style="43" customWidth="1"/>
    <col min="2229" max="2229" width="11.83203125" style="43" customWidth="1"/>
    <col min="2230" max="2230" width="4.33203125" style="43" customWidth="1"/>
    <col min="2231" max="2231" width="11.83203125" style="43" customWidth="1"/>
    <col min="2232" max="2232" width="4.33203125" style="43" customWidth="1"/>
    <col min="2233" max="2233" width="11.83203125" style="43" customWidth="1"/>
    <col min="2234" max="2234" width="4.33203125" style="43" customWidth="1"/>
    <col min="2235" max="2235" width="11.83203125" style="43" customWidth="1"/>
    <col min="2236" max="2236" width="4.33203125" style="43" customWidth="1"/>
    <col min="2237" max="2237" width="11.83203125" style="43" customWidth="1"/>
    <col min="2238" max="2238" width="4.33203125" style="43" customWidth="1"/>
    <col min="2239" max="2239" width="11.83203125" style="43" customWidth="1"/>
    <col min="2240" max="2240" width="4.33203125" style="43" customWidth="1"/>
    <col min="2241" max="2241" width="11.83203125" style="43" customWidth="1"/>
    <col min="2242" max="2242" width="4.33203125" style="43" customWidth="1"/>
    <col min="2243" max="2243" width="11.83203125" style="43" customWidth="1"/>
    <col min="2244" max="2244" width="4.33203125" style="43" customWidth="1"/>
    <col min="2245" max="2245" width="11.83203125" style="43" customWidth="1"/>
    <col min="2246" max="2246" width="4.33203125" style="43" customWidth="1"/>
    <col min="2247" max="2247" width="11.83203125" style="43" customWidth="1"/>
    <col min="2248" max="2248" width="4.33203125" style="43" customWidth="1"/>
    <col min="2249" max="2249" width="11.83203125" style="43" customWidth="1"/>
    <col min="2250" max="2250" width="4.33203125" style="43" customWidth="1"/>
    <col min="2251" max="2251" width="11.83203125" style="43" customWidth="1"/>
    <col min="2252" max="2252" width="4.33203125" style="43" customWidth="1"/>
    <col min="2253" max="2253" width="11.83203125" style="43" customWidth="1"/>
    <col min="2254" max="2254" width="4.33203125" style="43" customWidth="1"/>
    <col min="2255" max="2256" width="4.33203125" style="43"/>
    <col min="2257" max="2260" width="1.33203125" style="43" customWidth="1"/>
    <col min="2261" max="2261" width="8.08203125" style="43" customWidth="1"/>
    <col min="2262" max="2262" width="4.33203125" style="43" customWidth="1"/>
    <col min="2263" max="2263" width="11.83203125" style="43" customWidth="1"/>
    <col min="2264" max="2264" width="4.33203125" style="43" customWidth="1"/>
    <col min="2265" max="2265" width="11.83203125" style="43" customWidth="1"/>
    <col min="2266" max="2266" width="4.33203125" style="43" customWidth="1"/>
    <col min="2267" max="2267" width="11.83203125" style="43" customWidth="1"/>
    <col min="2268" max="2268" width="4.33203125" style="43" customWidth="1"/>
    <col min="2269" max="2269" width="11.83203125" style="43" customWidth="1"/>
    <col min="2270" max="2270" width="4.33203125" style="43" customWidth="1"/>
    <col min="2271" max="2271" width="11.83203125" style="43" customWidth="1"/>
    <col min="2272" max="2272" width="4.33203125" style="43" customWidth="1"/>
    <col min="2273" max="2273" width="11.83203125" style="43" customWidth="1"/>
    <col min="2274" max="2274" width="4.33203125" style="43" customWidth="1"/>
    <col min="2275" max="2275" width="11.83203125" style="43" customWidth="1"/>
    <col min="2276" max="2276" width="4.33203125" style="43" customWidth="1"/>
    <col min="2277" max="2277" width="11.83203125" style="43" customWidth="1"/>
    <col min="2278" max="2278" width="4.33203125" style="43" customWidth="1"/>
    <col min="2279" max="2279" width="11.83203125" style="43" customWidth="1"/>
    <col min="2280" max="2280" width="4.33203125" style="43" customWidth="1"/>
    <col min="2281" max="2281" width="11.83203125" style="43" customWidth="1"/>
    <col min="2282" max="2282" width="4.33203125" style="43" customWidth="1"/>
    <col min="2283" max="2283" width="11.83203125" style="43" customWidth="1"/>
    <col min="2284" max="2284" width="4.33203125" style="43" customWidth="1"/>
    <col min="2285" max="2285" width="11.83203125" style="43" customWidth="1"/>
    <col min="2286" max="2286" width="4.33203125" style="43" customWidth="1"/>
    <col min="2287" max="2287" width="11.83203125" style="43" customWidth="1"/>
    <col min="2288" max="2288" width="4.33203125" style="43" customWidth="1"/>
    <col min="2289" max="2289" width="11.83203125" style="43" customWidth="1"/>
    <col min="2290" max="2290" width="4.33203125" style="43" customWidth="1"/>
    <col min="2291" max="2291" width="11.83203125" style="43" customWidth="1"/>
    <col min="2292" max="2292" width="4.33203125" style="43" customWidth="1"/>
    <col min="2293" max="2293" width="11.83203125" style="43" customWidth="1"/>
    <col min="2294" max="2294" width="4.33203125" style="43" customWidth="1"/>
    <col min="2295" max="2295" width="11.83203125" style="43" customWidth="1"/>
    <col min="2296" max="2296" width="4.33203125" style="43" customWidth="1"/>
    <col min="2297" max="2297" width="11.83203125" style="43" customWidth="1"/>
    <col min="2298" max="2298" width="4.33203125" style="43" customWidth="1"/>
    <col min="2299" max="2299" width="11.83203125" style="43" customWidth="1"/>
    <col min="2300" max="2300" width="4.33203125" style="43" customWidth="1"/>
    <col min="2301" max="2301" width="11.83203125" style="43" customWidth="1"/>
    <col min="2302" max="2302" width="4.33203125" style="43" customWidth="1"/>
    <col min="2303" max="2303" width="11.83203125" style="43" customWidth="1"/>
    <col min="2304" max="2304" width="4.33203125" style="43"/>
    <col min="2305" max="2305" width="11.83203125" style="43" customWidth="1"/>
    <col min="2306" max="2306" width="4.33203125" style="43" customWidth="1"/>
    <col min="2307" max="2307" width="11.83203125" style="43" customWidth="1"/>
    <col min="2308" max="2308" width="4.33203125" style="43" customWidth="1"/>
    <col min="2309" max="2309" width="11.83203125" style="43" customWidth="1"/>
    <col min="2310" max="2310" width="4.33203125" style="43" customWidth="1"/>
    <col min="2311" max="2311" width="11.83203125" style="43" customWidth="1"/>
    <col min="2312" max="2312" width="4.33203125" style="43" customWidth="1"/>
    <col min="2313" max="2313" width="11.83203125" style="43" customWidth="1"/>
    <col min="2314" max="2314" width="4.33203125" style="43" customWidth="1"/>
    <col min="2315" max="2315" width="11.83203125" style="43" customWidth="1"/>
    <col min="2316" max="2316" width="4.33203125" style="43" customWidth="1"/>
    <col min="2317" max="2317" width="11.83203125" style="43" customWidth="1"/>
    <col min="2318" max="2318" width="4.33203125" style="43" customWidth="1"/>
    <col min="2319" max="2319" width="11.83203125" style="43" customWidth="1"/>
    <col min="2320" max="2320" width="4.33203125" style="43" customWidth="1"/>
    <col min="2321" max="2321" width="11.83203125" style="43" customWidth="1"/>
    <col min="2322" max="2322" width="4.33203125" style="43" customWidth="1"/>
    <col min="2323" max="2323" width="11.83203125" style="43" customWidth="1"/>
    <col min="2324" max="2324" width="4.33203125" style="43" customWidth="1"/>
    <col min="2325" max="2325" width="11.83203125" style="43" customWidth="1"/>
    <col min="2326" max="2326" width="4.33203125" style="43" customWidth="1"/>
    <col min="2327" max="2327" width="11.83203125" style="43" customWidth="1"/>
    <col min="2328" max="2328" width="4.33203125" style="43" customWidth="1"/>
    <col min="2329" max="2329" width="11.83203125" style="43" customWidth="1"/>
    <col min="2330" max="2330" width="4.33203125" style="43" customWidth="1"/>
    <col min="2331" max="2331" width="11.83203125" style="43" customWidth="1"/>
    <col min="2332" max="2332" width="4.33203125" style="43" customWidth="1"/>
    <col min="2333" max="2333" width="11.83203125" style="43" customWidth="1"/>
    <col min="2334" max="2334" width="4.33203125" style="43" customWidth="1"/>
    <col min="2335" max="2335" width="11.83203125" style="43" customWidth="1"/>
    <col min="2336" max="2336" width="4.33203125" style="43" customWidth="1"/>
    <col min="2337" max="2337" width="11.83203125" style="43" customWidth="1"/>
    <col min="2338" max="2338" width="4.33203125" style="43" customWidth="1"/>
    <col min="2339" max="2339" width="11.83203125" style="43" customWidth="1"/>
    <col min="2340" max="2340" width="4.33203125" style="43" customWidth="1"/>
    <col min="2341" max="2341" width="11.83203125" style="43" customWidth="1"/>
    <col min="2342" max="2342" width="4.33203125" style="43" customWidth="1"/>
    <col min="2343" max="2343" width="11.83203125" style="43" customWidth="1"/>
    <col min="2344" max="2344" width="4.33203125" style="43" customWidth="1"/>
    <col min="2345" max="2345" width="11.83203125" style="43" customWidth="1"/>
    <col min="2346" max="2346" width="4.33203125" style="43" customWidth="1"/>
    <col min="2347" max="2347" width="11.83203125" style="43" customWidth="1"/>
    <col min="2348" max="2348" width="4.33203125" style="43" customWidth="1"/>
    <col min="2349" max="2349" width="11.83203125" style="43" customWidth="1"/>
    <col min="2350" max="2350" width="4.33203125" style="43" customWidth="1"/>
    <col min="2351" max="2351" width="11.83203125" style="43" customWidth="1"/>
    <col min="2352" max="2352" width="4.33203125" style="43" customWidth="1"/>
    <col min="2353" max="2353" width="11.83203125" style="43" customWidth="1"/>
    <col min="2354" max="2354" width="4.33203125" style="43" customWidth="1"/>
    <col min="2355" max="2355" width="11.83203125" style="43" customWidth="1"/>
    <col min="2356" max="2356" width="4.33203125" style="43" customWidth="1"/>
    <col min="2357" max="2357" width="11.83203125" style="43" customWidth="1"/>
    <col min="2358" max="2358" width="4.33203125" style="43" customWidth="1"/>
    <col min="2359" max="2359" width="11.83203125" style="43" customWidth="1"/>
    <col min="2360" max="2360" width="4.33203125" style="43" customWidth="1"/>
    <col min="2361" max="2361" width="11.83203125" style="43" customWidth="1"/>
    <col min="2362" max="2362" width="4.33203125" style="43" customWidth="1"/>
    <col min="2363" max="2363" width="11.83203125" style="43" customWidth="1"/>
    <col min="2364" max="2364" width="4.33203125" style="43" customWidth="1"/>
    <col min="2365" max="2365" width="11.83203125" style="43" customWidth="1"/>
    <col min="2366" max="2366" width="4.33203125" style="43" customWidth="1"/>
    <col min="2367" max="2367" width="11.83203125" style="43" customWidth="1"/>
    <col min="2368" max="2368" width="4.33203125" style="43" customWidth="1"/>
    <col min="2369" max="2369" width="11.83203125" style="43" customWidth="1"/>
    <col min="2370" max="2370" width="4.33203125" style="43" customWidth="1"/>
    <col min="2371" max="2371" width="11.83203125" style="43" customWidth="1"/>
    <col min="2372" max="2372" width="4.33203125" style="43" customWidth="1"/>
    <col min="2373" max="2373" width="11.83203125" style="43" customWidth="1"/>
    <col min="2374" max="2374" width="4.33203125" style="43" customWidth="1"/>
    <col min="2375" max="2375" width="11.83203125" style="43" customWidth="1"/>
    <col min="2376" max="2376" width="4.33203125" style="43" customWidth="1"/>
    <col min="2377" max="2377" width="11.83203125" style="43" customWidth="1"/>
    <col min="2378" max="2468" width="5.33203125" style="43" customWidth="1"/>
    <col min="2469" max="2474" width="1.33203125" style="43" customWidth="1"/>
    <col min="2475" max="2475" width="8.08203125" style="43" customWidth="1"/>
    <col min="2476" max="2476" width="4.33203125" style="43" customWidth="1"/>
    <col min="2477" max="2477" width="11.83203125" style="43" customWidth="1"/>
    <col min="2478" max="2478" width="4.33203125" style="43" customWidth="1"/>
    <col min="2479" max="2479" width="11.83203125" style="43" customWidth="1"/>
    <col min="2480" max="2480" width="4.33203125" style="43" customWidth="1"/>
    <col min="2481" max="2481" width="11.83203125" style="43" customWidth="1"/>
    <col min="2482" max="2482" width="4.33203125" style="43" customWidth="1"/>
    <col min="2483" max="2483" width="11.83203125" style="43" customWidth="1"/>
    <col min="2484" max="2484" width="4.33203125" style="43" customWidth="1"/>
    <col min="2485" max="2485" width="11.83203125" style="43" customWidth="1"/>
    <col min="2486" max="2486" width="4.33203125" style="43" customWidth="1"/>
    <col min="2487" max="2487" width="11.83203125" style="43" customWidth="1"/>
    <col min="2488" max="2488" width="4.33203125" style="43" customWidth="1"/>
    <col min="2489" max="2489" width="11.83203125" style="43" customWidth="1"/>
    <col min="2490" max="2490" width="4.33203125" style="43" customWidth="1"/>
    <col min="2491" max="2491" width="11.83203125" style="43" customWidth="1"/>
    <col min="2492" max="2492" width="4.33203125" style="43" customWidth="1"/>
    <col min="2493" max="2493" width="11.83203125" style="43" customWidth="1"/>
    <col min="2494" max="2494" width="4.33203125" style="43" customWidth="1"/>
    <col min="2495" max="2495" width="11.83203125" style="43" customWidth="1"/>
    <col min="2496" max="2496" width="4.33203125" style="43" customWidth="1"/>
    <col min="2497" max="2497" width="11.83203125" style="43" customWidth="1"/>
    <col min="2498" max="2498" width="4.33203125" style="43" customWidth="1"/>
    <col min="2499" max="2499" width="11.83203125" style="43" customWidth="1"/>
    <col min="2500" max="2500" width="4.33203125" style="43" customWidth="1"/>
    <col min="2501" max="2501" width="11.83203125" style="43" customWidth="1"/>
    <col min="2502" max="2502" width="4.33203125" style="43" customWidth="1"/>
    <col min="2503" max="2503" width="11.83203125" style="43" customWidth="1"/>
    <col min="2504" max="2504" width="4.33203125" style="43" customWidth="1"/>
    <col min="2505" max="2505" width="11.83203125" style="43" customWidth="1"/>
    <col min="2506" max="2506" width="4.33203125" style="43" customWidth="1"/>
    <col min="2507" max="2507" width="11.83203125" style="43" customWidth="1"/>
    <col min="2508" max="2508" width="4.33203125" style="43" customWidth="1"/>
    <col min="2509" max="2509" width="11.83203125" style="43" customWidth="1"/>
    <col min="2510" max="2510" width="4.33203125" style="43" customWidth="1"/>
    <col min="2511" max="2512" width="4.33203125" style="43"/>
    <col min="2513" max="2516" width="1.33203125" style="43" customWidth="1"/>
    <col min="2517" max="2517" width="8.08203125" style="43" customWidth="1"/>
    <col min="2518" max="2518" width="4.33203125" style="43" customWidth="1"/>
    <col min="2519" max="2519" width="11.83203125" style="43" customWidth="1"/>
    <col min="2520" max="2520" width="4.33203125" style="43" customWidth="1"/>
    <col min="2521" max="2521" width="11.83203125" style="43" customWidth="1"/>
    <col min="2522" max="2522" width="4.33203125" style="43" customWidth="1"/>
    <col min="2523" max="2523" width="11.83203125" style="43" customWidth="1"/>
    <col min="2524" max="2524" width="4.33203125" style="43" customWidth="1"/>
    <col min="2525" max="2525" width="11.83203125" style="43" customWidth="1"/>
    <col min="2526" max="2526" width="4.33203125" style="43" customWidth="1"/>
    <col min="2527" max="2527" width="11.83203125" style="43" customWidth="1"/>
    <col min="2528" max="2528" width="4.33203125" style="43" customWidth="1"/>
    <col min="2529" max="2529" width="11.83203125" style="43" customWidth="1"/>
    <col min="2530" max="2530" width="4.33203125" style="43" customWidth="1"/>
    <col min="2531" max="2531" width="11.83203125" style="43" customWidth="1"/>
    <col min="2532" max="2532" width="4.33203125" style="43" customWidth="1"/>
    <col min="2533" max="2533" width="11.83203125" style="43" customWidth="1"/>
    <col min="2534" max="2534" width="4.33203125" style="43" customWidth="1"/>
    <col min="2535" max="2535" width="11.83203125" style="43" customWidth="1"/>
    <col min="2536" max="2536" width="4.33203125" style="43" customWidth="1"/>
    <col min="2537" max="2537" width="11.83203125" style="43" customWidth="1"/>
    <col min="2538" max="2538" width="4.33203125" style="43" customWidth="1"/>
    <col min="2539" max="2539" width="11.83203125" style="43" customWidth="1"/>
    <col min="2540" max="2540" width="4.33203125" style="43" customWidth="1"/>
    <col min="2541" max="2541" width="11.83203125" style="43" customWidth="1"/>
    <col min="2542" max="2542" width="4.33203125" style="43" customWidth="1"/>
    <col min="2543" max="2543" width="11.83203125" style="43" customWidth="1"/>
    <col min="2544" max="2544" width="4.33203125" style="43" customWidth="1"/>
    <col min="2545" max="2545" width="11.83203125" style="43" customWidth="1"/>
    <col min="2546" max="2546" width="4.33203125" style="43" customWidth="1"/>
    <col min="2547" max="2547" width="11.83203125" style="43" customWidth="1"/>
    <col min="2548" max="2548" width="4.33203125" style="43" customWidth="1"/>
    <col min="2549" max="2549" width="11.83203125" style="43" customWidth="1"/>
    <col min="2550" max="2550" width="4.33203125" style="43" customWidth="1"/>
    <col min="2551" max="2551" width="11.83203125" style="43" customWidth="1"/>
    <col min="2552" max="2552" width="4.33203125" style="43" customWidth="1"/>
    <col min="2553" max="2553" width="11.83203125" style="43" customWidth="1"/>
    <col min="2554" max="2554" width="4.33203125" style="43" customWidth="1"/>
    <col min="2555" max="2555" width="11.83203125" style="43" customWidth="1"/>
    <col min="2556" max="2556" width="4.33203125" style="43" customWidth="1"/>
    <col min="2557" max="2557" width="11.83203125" style="43" customWidth="1"/>
    <col min="2558" max="2558" width="4.33203125" style="43" customWidth="1"/>
    <col min="2559" max="2559" width="11.83203125" style="43" customWidth="1"/>
    <col min="2560" max="2560" width="4.33203125" style="43"/>
    <col min="2561" max="2561" width="11.83203125" style="43" customWidth="1"/>
    <col min="2562" max="2562" width="4.33203125" style="43" customWidth="1"/>
    <col min="2563" max="2563" width="11.83203125" style="43" customWidth="1"/>
    <col min="2564" max="2564" width="4.33203125" style="43" customWidth="1"/>
    <col min="2565" max="2565" width="11.83203125" style="43" customWidth="1"/>
    <col min="2566" max="2566" width="4.33203125" style="43" customWidth="1"/>
    <col min="2567" max="2567" width="11.83203125" style="43" customWidth="1"/>
    <col min="2568" max="2568" width="4.33203125" style="43" customWidth="1"/>
    <col min="2569" max="2569" width="11.83203125" style="43" customWidth="1"/>
    <col min="2570" max="2570" width="4.33203125" style="43" customWidth="1"/>
    <col min="2571" max="2571" width="11.83203125" style="43" customWidth="1"/>
    <col min="2572" max="2572" width="4.33203125" style="43" customWidth="1"/>
    <col min="2573" max="2573" width="11.83203125" style="43" customWidth="1"/>
    <col min="2574" max="2574" width="4.33203125" style="43" customWidth="1"/>
    <col min="2575" max="2575" width="11.83203125" style="43" customWidth="1"/>
    <col min="2576" max="2576" width="4.33203125" style="43" customWidth="1"/>
    <col min="2577" max="2577" width="11.83203125" style="43" customWidth="1"/>
    <col min="2578" max="2578" width="4.33203125" style="43" customWidth="1"/>
    <col min="2579" max="2579" width="11.83203125" style="43" customWidth="1"/>
    <col min="2580" max="2580" width="4.33203125" style="43" customWidth="1"/>
    <col min="2581" max="2581" width="11.83203125" style="43" customWidth="1"/>
    <col min="2582" max="2582" width="4.33203125" style="43" customWidth="1"/>
    <col min="2583" max="2583" width="11.83203125" style="43" customWidth="1"/>
    <col min="2584" max="2584" width="4.33203125" style="43" customWidth="1"/>
    <col min="2585" max="2585" width="11.83203125" style="43" customWidth="1"/>
    <col min="2586" max="2586" width="4.33203125" style="43" customWidth="1"/>
    <col min="2587" max="2587" width="11.83203125" style="43" customWidth="1"/>
    <col min="2588" max="2588" width="4.33203125" style="43" customWidth="1"/>
    <col min="2589" max="2589" width="11.83203125" style="43" customWidth="1"/>
    <col min="2590" max="2590" width="4.33203125" style="43" customWidth="1"/>
    <col min="2591" max="2591" width="11.83203125" style="43" customWidth="1"/>
    <col min="2592" max="2592" width="4.33203125" style="43" customWidth="1"/>
    <col min="2593" max="2593" width="11.83203125" style="43" customWidth="1"/>
    <col min="2594" max="2594" width="4.33203125" style="43" customWidth="1"/>
    <col min="2595" max="2595" width="11.83203125" style="43" customWidth="1"/>
    <col min="2596" max="2596" width="4.33203125" style="43" customWidth="1"/>
    <col min="2597" max="2597" width="11.83203125" style="43" customWidth="1"/>
    <col min="2598" max="2598" width="4.33203125" style="43" customWidth="1"/>
    <col min="2599" max="2599" width="11.83203125" style="43" customWidth="1"/>
    <col min="2600" max="2600" width="4.33203125" style="43" customWidth="1"/>
    <col min="2601" max="2601" width="11.83203125" style="43" customWidth="1"/>
    <col min="2602" max="2602" width="4.33203125" style="43" customWidth="1"/>
    <col min="2603" max="2603" width="11.83203125" style="43" customWidth="1"/>
    <col min="2604" max="2604" width="4.33203125" style="43" customWidth="1"/>
    <col min="2605" max="2605" width="11.83203125" style="43" customWidth="1"/>
    <col min="2606" max="2606" width="4.33203125" style="43" customWidth="1"/>
    <col min="2607" max="2607" width="11.83203125" style="43" customWidth="1"/>
    <col min="2608" max="2608" width="4.33203125" style="43" customWidth="1"/>
    <col min="2609" max="2609" width="11.83203125" style="43" customWidth="1"/>
    <col min="2610" max="2610" width="4.33203125" style="43" customWidth="1"/>
    <col min="2611" max="2611" width="11.83203125" style="43" customWidth="1"/>
    <col min="2612" max="2612" width="4.33203125" style="43" customWidth="1"/>
    <col min="2613" max="2613" width="11.83203125" style="43" customWidth="1"/>
    <col min="2614" max="2614" width="4.33203125" style="43" customWidth="1"/>
    <col min="2615" max="2615" width="11.83203125" style="43" customWidth="1"/>
    <col min="2616" max="2616" width="4.33203125" style="43" customWidth="1"/>
    <col min="2617" max="2617" width="11.83203125" style="43" customWidth="1"/>
    <col min="2618" max="2618" width="4.33203125" style="43" customWidth="1"/>
    <col min="2619" max="2619" width="11.83203125" style="43" customWidth="1"/>
    <col min="2620" max="2620" width="4.33203125" style="43" customWidth="1"/>
    <col min="2621" max="2621" width="11.83203125" style="43" customWidth="1"/>
    <col min="2622" max="2622" width="4.33203125" style="43" customWidth="1"/>
    <col min="2623" max="2623" width="11.83203125" style="43" customWidth="1"/>
    <col min="2624" max="2624" width="4.33203125" style="43" customWidth="1"/>
    <col min="2625" max="2625" width="11.83203125" style="43" customWidth="1"/>
    <col min="2626" max="2626" width="4.33203125" style="43" customWidth="1"/>
    <col min="2627" max="2627" width="11.83203125" style="43" customWidth="1"/>
    <col min="2628" max="2628" width="4.33203125" style="43" customWidth="1"/>
    <col min="2629" max="2629" width="11.83203125" style="43" customWidth="1"/>
    <col min="2630" max="2630" width="4.33203125" style="43" customWidth="1"/>
    <col min="2631" max="2631" width="11.83203125" style="43" customWidth="1"/>
    <col min="2632" max="2632" width="4.33203125" style="43" customWidth="1"/>
    <col min="2633" max="2633" width="11.83203125" style="43" customWidth="1"/>
    <col min="2634" max="2724" width="5.33203125" style="43" customWidth="1"/>
    <col min="2725" max="2730" width="1.33203125" style="43" customWidth="1"/>
    <col min="2731" max="2731" width="8.08203125" style="43" customWidth="1"/>
    <col min="2732" max="2732" width="4.33203125" style="43" customWidth="1"/>
    <col min="2733" max="2733" width="11.83203125" style="43" customWidth="1"/>
    <col min="2734" max="2734" width="4.33203125" style="43" customWidth="1"/>
    <col min="2735" max="2735" width="11.83203125" style="43" customWidth="1"/>
    <col min="2736" max="2736" width="4.33203125" style="43" customWidth="1"/>
    <col min="2737" max="2737" width="11.83203125" style="43" customWidth="1"/>
    <col min="2738" max="2738" width="4.33203125" style="43" customWidth="1"/>
    <col min="2739" max="2739" width="11.83203125" style="43" customWidth="1"/>
    <col min="2740" max="2740" width="4.33203125" style="43" customWidth="1"/>
    <col min="2741" max="2741" width="11.83203125" style="43" customWidth="1"/>
    <col min="2742" max="2742" width="4.33203125" style="43" customWidth="1"/>
    <col min="2743" max="2743" width="11.83203125" style="43" customWidth="1"/>
    <col min="2744" max="2744" width="4.33203125" style="43" customWidth="1"/>
    <col min="2745" max="2745" width="11.83203125" style="43" customWidth="1"/>
    <col min="2746" max="2746" width="4.33203125" style="43" customWidth="1"/>
    <col min="2747" max="2747" width="11.83203125" style="43" customWidth="1"/>
    <col min="2748" max="2748" width="4.33203125" style="43" customWidth="1"/>
    <col min="2749" max="2749" width="11.83203125" style="43" customWidth="1"/>
    <col min="2750" max="2750" width="4.33203125" style="43" customWidth="1"/>
    <col min="2751" max="2751" width="11.83203125" style="43" customWidth="1"/>
    <col min="2752" max="2752" width="4.33203125" style="43" customWidth="1"/>
    <col min="2753" max="2753" width="11.83203125" style="43" customWidth="1"/>
    <col min="2754" max="2754" width="4.33203125" style="43" customWidth="1"/>
    <col min="2755" max="2755" width="11.83203125" style="43" customWidth="1"/>
    <col min="2756" max="2756" width="4.33203125" style="43" customWidth="1"/>
    <col min="2757" max="2757" width="11.83203125" style="43" customWidth="1"/>
    <col min="2758" max="2758" width="4.33203125" style="43" customWidth="1"/>
    <col min="2759" max="2759" width="11.83203125" style="43" customWidth="1"/>
    <col min="2760" max="2760" width="4.33203125" style="43" customWidth="1"/>
    <col min="2761" max="2761" width="11.83203125" style="43" customWidth="1"/>
    <col min="2762" max="2762" width="4.33203125" style="43" customWidth="1"/>
    <col min="2763" max="2763" width="11.83203125" style="43" customWidth="1"/>
    <col min="2764" max="2764" width="4.33203125" style="43" customWidth="1"/>
    <col min="2765" max="2765" width="11.83203125" style="43" customWidth="1"/>
    <col min="2766" max="2766" width="4.33203125" style="43" customWidth="1"/>
    <col min="2767" max="2768" width="4.33203125" style="43"/>
    <col min="2769" max="2772" width="1.33203125" style="43" customWidth="1"/>
    <col min="2773" max="2773" width="8.08203125" style="43" customWidth="1"/>
    <col min="2774" max="2774" width="4.33203125" style="43" customWidth="1"/>
    <col min="2775" max="2775" width="11.83203125" style="43" customWidth="1"/>
    <col min="2776" max="2776" width="4.33203125" style="43" customWidth="1"/>
    <col min="2777" max="2777" width="11.83203125" style="43" customWidth="1"/>
    <col min="2778" max="2778" width="4.33203125" style="43" customWidth="1"/>
    <col min="2779" max="2779" width="11.83203125" style="43" customWidth="1"/>
    <col min="2780" max="2780" width="4.33203125" style="43" customWidth="1"/>
    <col min="2781" max="2781" width="11.83203125" style="43" customWidth="1"/>
    <col min="2782" max="2782" width="4.33203125" style="43" customWidth="1"/>
    <col min="2783" max="2783" width="11.83203125" style="43" customWidth="1"/>
    <col min="2784" max="2784" width="4.33203125" style="43" customWidth="1"/>
    <col min="2785" max="2785" width="11.83203125" style="43" customWidth="1"/>
    <col min="2786" max="2786" width="4.33203125" style="43" customWidth="1"/>
    <col min="2787" max="2787" width="11.83203125" style="43" customWidth="1"/>
    <col min="2788" max="2788" width="4.33203125" style="43" customWidth="1"/>
    <col min="2789" max="2789" width="11.83203125" style="43" customWidth="1"/>
    <col min="2790" max="2790" width="4.33203125" style="43" customWidth="1"/>
    <col min="2791" max="2791" width="11.83203125" style="43" customWidth="1"/>
    <col min="2792" max="2792" width="4.33203125" style="43" customWidth="1"/>
    <col min="2793" max="2793" width="11.83203125" style="43" customWidth="1"/>
    <col min="2794" max="2794" width="4.33203125" style="43" customWidth="1"/>
    <col min="2795" max="2795" width="11.83203125" style="43" customWidth="1"/>
    <col min="2796" max="2796" width="4.33203125" style="43" customWidth="1"/>
    <col min="2797" max="2797" width="11.83203125" style="43" customWidth="1"/>
    <col min="2798" max="2798" width="4.33203125" style="43" customWidth="1"/>
    <col min="2799" max="2799" width="11.83203125" style="43" customWidth="1"/>
    <col min="2800" max="2800" width="4.33203125" style="43" customWidth="1"/>
    <col min="2801" max="2801" width="11.83203125" style="43" customWidth="1"/>
    <col min="2802" max="2802" width="4.33203125" style="43" customWidth="1"/>
    <col min="2803" max="2803" width="11.83203125" style="43" customWidth="1"/>
    <col min="2804" max="2804" width="4.33203125" style="43" customWidth="1"/>
    <col min="2805" max="2805" width="11.83203125" style="43" customWidth="1"/>
    <col min="2806" max="2806" width="4.33203125" style="43" customWidth="1"/>
    <col min="2807" max="2807" width="11.83203125" style="43" customWidth="1"/>
    <col min="2808" max="2808" width="4.33203125" style="43" customWidth="1"/>
    <col min="2809" max="2809" width="11.83203125" style="43" customWidth="1"/>
    <col min="2810" max="2810" width="4.33203125" style="43" customWidth="1"/>
    <col min="2811" max="2811" width="11.83203125" style="43" customWidth="1"/>
    <col min="2812" max="2812" width="4.33203125" style="43" customWidth="1"/>
    <col min="2813" max="2813" width="11.83203125" style="43" customWidth="1"/>
    <col min="2814" max="2814" width="4.33203125" style="43" customWidth="1"/>
    <col min="2815" max="2815" width="11.83203125" style="43" customWidth="1"/>
    <col min="2816" max="2816" width="4.33203125" style="43"/>
    <col min="2817" max="2817" width="11.83203125" style="43" customWidth="1"/>
    <col min="2818" max="2818" width="4.33203125" style="43" customWidth="1"/>
    <col min="2819" max="2819" width="11.83203125" style="43" customWidth="1"/>
    <col min="2820" max="2820" width="4.33203125" style="43" customWidth="1"/>
    <col min="2821" max="2821" width="11.83203125" style="43" customWidth="1"/>
    <col min="2822" max="2822" width="4.33203125" style="43" customWidth="1"/>
    <col min="2823" max="2823" width="11.83203125" style="43" customWidth="1"/>
    <col min="2824" max="2824" width="4.33203125" style="43" customWidth="1"/>
    <col min="2825" max="2825" width="11.83203125" style="43" customWidth="1"/>
    <col min="2826" max="2826" width="4.33203125" style="43" customWidth="1"/>
    <col min="2827" max="2827" width="11.83203125" style="43" customWidth="1"/>
    <col min="2828" max="2828" width="4.33203125" style="43" customWidth="1"/>
    <col min="2829" max="2829" width="11.83203125" style="43" customWidth="1"/>
    <col min="2830" max="2830" width="4.33203125" style="43" customWidth="1"/>
    <col min="2831" max="2831" width="11.83203125" style="43" customWidth="1"/>
    <col min="2832" max="2832" width="4.33203125" style="43" customWidth="1"/>
    <col min="2833" max="2833" width="11.83203125" style="43" customWidth="1"/>
    <col min="2834" max="2834" width="4.33203125" style="43" customWidth="1"/>
    <col min="2835" max="2835" width="11.83203125" style="43" customWidth="1"/>
    <col min="2836" max="2836" width="4.33203125" style="43" customWidth="1"/>
    <col min="2837" max="2837" width="11.83203125" style="43" customWidth="1"/>
    <col min="2838" max="2838" width="4.33203125" style="43" customWidth="1"/>
    <col min="2839" max="2839" width="11.83203125" style="43" customWidth="1"/>
    <col min="2840" max="2840" width="4.33203125" style="43" customWidth="1"/>
    <col min="2841" max="2841" width="11.83203125" style="43" customWidth="1"/>
    <col min="2842" max="2842" width="4.33203125" style="43" customWidth="1"/>
    <col min="2843" max="2843" width="11.83203125" style="43" customWidth="1"/>
    <col min="2844" max="2844" width="4.33203125" style="43" customWidth="1"/>
    <col min="2845" max="2845" width="11.83203125" style="43" customWidth="1"/>
    <col min="2846" max="2846" width="4.33203125" style="43" customWidth="1"/>
    <col min="2847" max="2847" width="11.83203125" style="43" customWidth="1"/>
    <col min="2848" max="2848" width="4.33203125" style="43" customWidth="1"/>
    <col min="2849" max="2849" width="11.83203125" style="43" customWidth="1"/>
    <col min="2850" max="2850" width="4.33203125" style="43" customWidth="1"/>
    <col min="2851" max="2851" width="11.83203125" style="43" customWidth="1"/>
    <col min="2852" max="2852" width="4.33203125" style="43" customWidth="1"/>
    <col min="2853" max="2853" width="11.83203125" style="43" customWidth="1"/>
    <col min="2854" max="2854" width="4.33203125" style="43" customWidth="1"/>
    <col min="2855" max="2855" width="11.83203125" style="43" customWidth="1"/>
    <col min="2856" max="2856" width="4.33203125" style="43" customWidth="1"/>
    <col min="2857" max="2857" width="11.83203125" style="43" customWidth="1"/>
    <col min="2858" max="2858" width="4.33203125" style="43" customWidth="1"/>
    <col min="2859" max="2859" width="11.83203125" style="43" customWidth="1"/>
    <col min="2860" max="2860" width="4.33203125" style="43" customWidth="1"/>
    <col min="2861" max="2861" width="11.83203125" style="43" customWidth="1"/>
    <col min="2862" max="2862" width="4.33203125" style="43" customWidth="1"/>
    <col min="2863" max="2863" width="11.83203125" style="43" customWidth="1"/>
    <col min="2864" max="2864" width="4.33203125" style="43" customWidth="1"/>
    <col min="2865" max="2865" width="11.83203125" style="43" customWidth="1"/>
    <col min="2866" max="2866" width="4.33203125" style="43" customWidth="1"/>
    <col min="2867" max="2867" width="11.83203125" style="43" customWidth="1"/>
    <col min="2868" max="2868" width="4.33203125" style="43" customWidth="1"/>
    <col min="2869" max="2869" width="11.83203125" style="43" customWidth="1"/>
    <col min="2870" max="2870" width="4.33203125" style="43" customWidth="1"/>
    <col min="2871" max="2871" width="11.83203125" style="43" customWidth="1"/>
    <col min="2872" max="2872" width="4.33203125" style="43" customWidth="1"/>
    <col min="2873" max="2873" width="11.83203125" style="43" customWidth="1"/>
    <col min="2874" max="2874" width="4.33203125" style="43" customWidth="1"/>
    <col min="2875" max="2875" width="11.83203125" style="43" customWidth="1"/>
    <col min="2876" max="2876" width="4.33203125" style="43" customWidth="1"/>
    <col min="2877" max="2877" width="11.83203125" style="43" customWidth="1"/>
    <col min="2878" max="2878" width="4.33203125" style="43" customWidth="1"/>
    <col min="2879" max="2879" width="11.83203125" style="43" customWidth="1"/>
    <col min="2880" max="2880" width="4.33203125" style="43" customWidth="1"/>
    <col min="2881" max="2881" width="11.83203125" style="43" customWidth="1"/>
    <col min="2882" max="2882" width="4.33203125" style="43" customWidth="1"/>
    <col min="2883" max="2883" width="11.83203125" style="43" customWidth="1"/>
    <col min="2884" max="2884" width="4.33203125" style="43" customWidth="1"/>
    <col min="2885" max="2885" width="11.83203125" style="43" customWidth="1"/>
    <col min="2886" max="2886" width="4.33203125" style="43" customWidth="1"/>
    <col min="2887" max="2887" width="11.83203125" style="43" customWidth="1"/>
    <col min="2888" max="2888" width="4.33203125" style="43" customWidth="1"/>
    <col min="2889" max="2889" width="11.83203125" style="43" customWidth="1"/>
    <col min="2890" max="2980" width="5.33203125" style="43" customWidth="1"/>
    <col min="2981" max="2986" width="1.33203125" style="43" customWidth="1"/>
    <col min="2987" max="2987" width="8.08203125" style="43" customWidth="1"/>
    <col min="2988" max="2988" width="4.33203125" style="43" customWidth="1"/>
    <col min="2989" max="2989" width="11.83203125" style="43" customWidth="1"/>
    <col min="2990" max="2990" width="4.33203125" style="43" customWidth="1"/>
    <col min="2991" max="2991" width="11.83203125" style="43" customWidth="1"/>
    <col min="2992" max="2992" width="4.33203125" style="43" customWidth="1"/>
    <col min="2993" max="2993" width="11.83203125" style="43" customWidth="1"/>
    <col min="2994" max="2994" width="4.33203125" style="43" customWidth="1"/>
    <col min="2995" max="2995" width="11.83203125" style="43" customWidth="1"/>
    <col min="2996" max="2996" width="4.33203125" style="43" customWidth="1"/>
    <col min="2997" max="2997" width="11.83203125" style="43" customWidth="1"/>
    <col min="2998" max="2998" width="4.33203125" style="43" customWidth="1"/>
    <col min="2999" max="2999" width="11.83203125" style="43" customWidth="1"/>
    <col min="3000" max="3000" width="4.33203125" style="43" customWidth="1"/>
    <col min="3001" max="3001" width="11.83203125" style="43" customWidth="1"/>
    <col min="3002" max="3002" width="4.33203125" style="43" customWidth="1"/>
    <col min="3003" max="3003" width="11.83203125" style="43" customWidth="1"/>
    <col min="3004" max="3004" width="4.33203125" style="43" customWidth="1"/>
    <col min="3005" max="3005" width="11.83203125" style="43" customWidth="1"/>
    <col min="3006" max="3006" width="4.33203125" style="43" customWidth="1"/>
    <col min="3007" max="3007" width="11.83203125" style="43" customWidth="1"/>
    <col min="3008" max="3008" width="4.33203125" style="43" customWidth="1"/>
    <col min="3009" max="3009" width="11.83203125" style="43" customWidth="1"/>
    <col min="3010" max="3010" width="4.33203125" style="43" customWidth="1"/>
    <col min="3011" max="3011" width="11.83203125" style="43" customWidth="1"/>
    <col min="3012" max="3012" width="4.33203125" style="43" customWidth="1"/>
    <col min="3013" max="3013" width="11.83203125" style="43" customWidth="1"/>
    <col min="3014" max="3014" width="4.33203125" style="43" customWidth="1"/>
    <col min="3015" max="3015" width="11.83203125" style="43" customWidth="1"/>
    <col min="3016" max="3016" width="4.33203125" style="43" customWidth="1"/>
    <col min="3017" max="3017" width="11.83203125" style="43" customWidth="1"/>
    <col min="3018" max="3018" width="4.33203125" style="43" customWidth="1"/>
    <col min="3019" max="3019" width="11.83203125" style="43" customWidth="1"/>
    <col min="3020" max="3020" width="4.33203125" style="43" customWidth="1"/>
    <col min="3021" max="3021" width="11.83203125" style="43" customWidth="1"/>
    <col min="3022" max="3022" width="4.33203125" style="43" customWidth="1"/>
    <col min="3023" max="3024" width="4.33203125" style="43"/>
    <col min="3025" max="3028" width="1.33203125" style="43" customWidth="1"/>
    <col min="3029" max="3029" width="8.08203125" style="43" customWidth="1"/>
    <col min="3030" max="3030" width="4.33203125" style="43" customWidth="1"/>
    <col min="3031" max="3031" width="11.83203125" style="43" customWidth="1"/>
    <col min="3032" max="3032" width="4.33203125" style="43" customWidth="1"/>
    <col min="3033" max="3033" width="11.83203125" style="43" customWidth="1"/>
    <col min="3034" max="3034" width="4.33203125" style="43" customWidth="1"/>
    <col min="3035" max="3035" width="11.83203125" style="43" customWidth="1"/>
    <col min="3036" max="3036" width="4.33203125" style="43" customWidth="1"/>
    <col min="3037" max="3037" width="11.83203125" style="43" customWidth="1"/>
    <col min="3038" max="3038" width="4.33203125" style="43" customWidth="1"/>
    <col min="3039" max="3039" width="11.83203125" style="43" customWidth="1"/>
    <col min="3040" max="3040" width="4.33203125" style="43" customWidth="1"/>
    <col min="3041" max="3041" width="11.83203125" style="43" customWidth="1"/>
    <col min="3042" max="3042" width="4.33203125" style="43" customWidth="1"/>
    <col min="3043" max="3043" width="11.83203125" style="43" customWidth="1"/>
    <col min="3044" max="3044" width="4.33203125" style="43" customWidth="1"/>
    <col min="3045" max="3045" width="11.83203125" style="43" customWidth="1"/>
    <col min="3046" max="3046" width="4.33203125" style="43" customWidth="1"/>
    <col min="3047" max="3047" width="11.83203125" style="43" customWidth="1"/>
    <col min="3048" max="3048" width="4.33203125" style="43" customWidth="1"/>
    <col min="3049" max="3049" width="11.83203125" style="43" customWidth="1"/>
    <col min="3050" max="3050" width="4.33203125" style="43" customWidth="1"/>
    <col min="3051" max="3051" width="11.83203125" style="43" customWidth="1"/>
    <col min="3052" max="3052" width="4.33203125" style="43" customWidth="1"/>
    <col min="3053" max="3053" width="11.83203125" style="43" customWidth="1"/>
    <col min="3054" max="3054" width="4.33203125" style="43" customWidth="1"/>
    <col min="3055" max="3055" width="11.83203125" style="43" customWidth="1"/>
    <col min="3056" max="3056" width="4.33203125" style="43" customWidth="1"/>
    <col min="3057" max="3057" width="11.83203125" style="43" customWidth="1"/>
    <col min="3058" max="3058" width="4.33203125" style="43" customWidth="1"/>
    <col min="3059" max="3059" width="11.83203125" style="43" customWidth="1"/>
    <col min="3060" max="3060" width="4.33203125" style="43" customWidth="1"/>
    <col min="3061" max="3061" width="11.83203125" style="43" customWidth="1"/>
    <col min="3062" max="3062" width="4.33203125" style="43" customWidth="1"/>
    <col min="3063" max="3063" width="11.83203125" style="43" customWidth="1"/>
    <col min="3064" max="3064" width="4.33203125" style="43" customWidth="1"/>
    <col min="3065" max="3065" width="11.83203125" style="43" customWidth="1"/>
    <col min="3066" max="3066" width="4.33203125" style="43" customWidth="1"/>
    <col min="3067" max="3067" width="11.83203125" style="43" customWidth="1"/>
    <col min="3068" max="3068" width="4.33203125" style="43" customWidth="1"/>
    <col min="3069" max="3069" width="11.83203125" style="43" customWidth="1"/>
    <col min="3070" max="3070" width="4.33203125" style="43" customWidth="1"/>
    <col min="3071" max="3071" width="11.83203125" style="43" customWidth="1"/>
    <col min="3072" max="3072" width="4.33203125" style="43"/>
    <col min="3073" max="3073" width="11.83203125" style="43" customWidth="1"/>
    <col min="3074" max="3074" width="4.33203125" style="43" customWidth="1"/>
    <col min="3075" max="3075" width="11.83203125" style="43" customWidth="1"/>
    <col min="3076" max="3076" width="4.33203125" style="43" customWidth="1"/>
    <col min="3077" max="3077" width="11.83203125" style="43" customWidth="1"/>
    <col min="3078" max="3078" width="4.33203125" style="43" customWidth="1"/>
    <col min="3079" max="3079" width="11.83203125" style="43" customWidth="1"/>
    <col min="3080" max="3080" width="4.33203125" style="43" customWidth="1"/>
    <col min="3081" max="3081" width="11.83203125" style="43" customWidth="1"/>
    <col min="3082" max="3082" width="4.33203125" style="43" customWidth="1"/>
    <col min="3083" max="3083" width="11.83203125" style="43" customWidth="1"/>
    <col min="3084" max="3084" width="4.33203125" style="43" customWidth="1"/>
    <col min="3085" max="3085" width="11.83203125" style="43" customWidth="1"/>
    <col min="3086" max="3086" width="4.33203125" style="43" customWidth="1"/>
    <col min="3087" max="3087" width="11.83203125" style="43" customWidth="1"/>
    <col min="3088" max="3088" width="4.33203125" style="43" customWidth="1"/>
    <col min="3089" max="3089" width="11.83203125" style="43" customWidth="1"/>
    <col min="3090" max="3090" width="4.33203125" style="43" customWidth="1"/>
    <col min="3091" max="3091" width="11.83203125" style="43" customWidth="1"/>
    <col min="3092" max="3092" width="4.33203125" style="43" customWidth="1"/>
    <col min="3093" max="3093" width="11.83203125" style="43" customWidth="1"/>
    <col min="3094" max="3094" width="4.33203125" style="43" customWidth="1"/>
    <col min="3095" max="3095" width="11.83203125" style="43" customWidth="1"/>
    <col min="3096" max="3096" width="4.33203125" style="43" customWidth="1"/>
    <col min="3097" max="3097" width="11.83203125" style="43" customWidth="1"/>
    <col min="3098" max="3098" width="4.33203125" style="43" customWidth="1"/>
    <col min="3099" max="3099" width="11.83203125" style="43" customWidth="1"/>
    <col min="3100" max="3100" width="4.33203125" style="43" customWidth="1"/>
    <col min="3101" max="3101" width="11.83203125" style="43" customWidth="1"/>
    <col min="3102" max="3102" width="4.33203125" style="43" customWidth="1"/>
    <col min="3103" max="3103" width="11.83203125" style="43" customWidth="1"/>
    <col min="3104" max="3104" width="4.33203125" style="43" customWidth="1"/>
    <col min="3105" max="3105" width="11.83203125" style="43" customWidth="1"/>
    <col min="3106" max="3106" width="4.33203125" style="43" customWidth="1"/>
    <col min="3107" max="3107" width="11.83203125" style="43" customWidth="1"/>
    <col min="3108" max="3108" width="4.33203125" style="43" customWidth="1"/>
    <col min="3109" max="3109" width="11.83203125" style="43" customWidth="1"/>
    <col min="3110" max="3110" width="4.33203125" style="43" customWidth="1"/>
    <col min="3111" max="3111" width="11.83203125" style="43" customWidth="1"/>
    <col min="3112" max="3112" width="4.33203125" style="43" customWidth="1"/>
    <col min="3113" max="3113" width="11.83203125" style="43" customWidth="1"/>
    <col min="3114" max="3114" width="4.33203125" style="43" customWidth="1"/>
    <col min="3115" max="3115" width="11.83203125" style="43" customWidth="1"/>
    <col min="3116" max="3116" width="4.33203125" style="43" customWidth="1"/>
    <col min="3117" max="3117" width="11.83203125" style="43" customWidth="1"/>
    <col min="3118" max="3118" width="4.33203125" style="43" customWidth="1"/>
    <col min="3119" max="3119" width="11.83203125" style="43" customWidth="1"/>
    <col min="3120" max="3120" width="4.33203125" style="43" customWidth="1"/>
    <col min="3121" max="3121" width="11.83203125" style="43" customWidth="1"/>
    <col min="3122" max="3122" width="4.33203125" style="43" customWidth="1"/>
    <col min="3123" max="3123" width="11.83203125" style="43" customWidth="1"/>
    <col min="3124" max="3124" width="4.33203125" style="43" customWidth="1"/>
    <col min="3125" max="3125" width="11.83203125" style="43" customWidth="1"/>
    <col min="3126" max="3126" width="4.33203125" style="43" customWidth="1"/>
    <col min="3127" max="3127" width="11.83203125" style="43" customWidth="1"/>
    <col min="3128" max="3128" width="4.33203125" style="43" customWidth="1"/>
    <col min="3129" max="3129" width="11.83203125" style="43" customWidth="1"/>
    <col min="3130" max="3130" width="4.33203125" style="43" customWidth="1"/>
    <col min="3131" max="3131" width="11.83203125" style="43" customWidth="1"/>
    <col min="3132" max="3132" width="4.33203125" style="43" customWidth="1"/>
    <col min="3133" max="3133" width="11.83203125" style="43" customWidth="1"/>
    <col min="3134" max="3134" width="4.33203125" style="43" customWidth="1"/>
    <col min="3135" max="3135" width="11.83203125" style="43" customWidth="1"/>
    <col min="3136" max="3136" width="4.33203125" style="43" customWidth="1"/>
    <col min="3137" max="3137" width="11.83203125" style="43" customWidth="1"/>
    <col min="3138" max="3138" width="4.33203125" style="43" customWidth="1"/>
    <col min="3139" max="3139" width="11.83203125" style="43" customWidth="1"/>
    <col min="3140" max="3140" width="4.33203125" style="43" customWidth="1"/>
    <col min="3141" max="3141" width="11.83203125" style="43" customWidth="1"/>
    <col min="3142" max="3142" width="4.33203125" style="43" customWidth="1"/>
    <col min="3143" max="3143" width="11.83203125" style="43" customWidth="1"/>
    <col min="3144" max="3144" width="4.33203125" style="43" customWidth="1"/>
    <col min="3145" max="3145" width="11.83203125" style="43" customWidth="1"/>
    <col min="3146" max="3236" width="5.33203125" style="43" customWidth="1"/>
    <col min="3237" max="3242" width="1.33203125" style="43" customWidth="1"/>
    <col min="3243" max="3243" width="8.08203125" style="43" customWidth="1"/>
    <col min="3244" max="3244" width="4.33203125" style="43" customWidth="1"/>
    <col min="3245" max="3245" width="11.83203125" style="43" customWidth="1"/>
    <col min="3246" max="3246" width="4.33203125" style="43" customWidth="1"/>
    <col min="3247" max="3247" width="11.83203125" style="43" customWidth="1"/>
    <col min="3248" max="3248" width="4.33203125" style="43" customWidth="1"/>
    <col min="3249" max="3249" width="11.83203125" style="43" customWidth="1"/>
    <col min="3250" max="3250" width="4.33203125" style="43" customWidth="1"/>
    <col min="3251" max="3251" width="11.83203125" style="43" customWidth="1"/>
    <col min="3252" max="3252" width="4.33203125" style="43" customWidth="1"/>
    <col min="3253" max="3253" width="11.83203125" style="43" customWidth="1"/>
    <col min="3254" max="3254" width="4.33203125" style="43" customWidth="1"/>
    <col min="3255" max="3255" width="11.83203125" style="43" customWidth="1"/>
    <col min="3256" max="3256" width="4.33203125" style="43" customWidth="1"/>
    <col min="3257" max="3257" width="11.83203125" style="43" customWidth="1"/>
    <col min="3258" max="3258" width="4.33203125" style="43" customWidth="1"/>
    <col min="3259" max="3259" width="11.83203125" style="43" customWidth="1"/>
    <col min="3260" max="3260" width="4.33203125" style="43" customWidth="1"/>
    <col min="3261" max="3261" width="11.83203125" style="43" customWidth="1"/>
    <col min="3262" max="3262" width="4.33203125" style="43" customWidth="1"/>
    <col min="3263" max="3263" width="11.83203125" style="43" customWidth="1"/>
    <col min="3264" max="3264" width="4.33203125" style="43" customWidth="1"/>
    <col min="3265" max="3265" width="11.83203125" style="43" customWidth="1"/>
    <col min="3266" max="3266" width="4.33203125" style="43" customWidth="1"/>
    <col min="3267" max="3267" width="11.83203125" style="43" customWidth="1"/>
    <col min="3268" max="3268" width="4.33203125" style="43" customWidth="1"/>
    <col min="3269" max="3269" width="11.83203125" style="43" customWidth="1"/>
    <col min="3270" max="3270" width="4.33203125" style="43" customWidth="1"/>
    <col min="3271" max="3271" width="11.83203125" style="43" customWidth="1"/>
    <col min="3272" max="3272" width="4.33203125" style="43" customWidth="1"/>
    <col min="3273" max="3273" width="11.83203125" style="43" customWidth="1"/>
    <col min="3274" max="3274" width="4.33203125" style="43" customWidth="1"/>
    <col min="3275" max="3275" width="11.83203125" style="43" customWidth="1"/>
    <col min="3276" max="3276" width="4.33203125" style="43" customWidth="1"/>
    <col min="3277" max="3277" width="11.83203125" style="43" customWidth="1"/>
    <col min="3278" max="3278" width="4.33203125" style="43" customWidth="1"/>
    <col min="3279" max="3280" width="4.33203125" style="43"/>
    <col min="3281" max="3284" width="1.33203125" style="43" customWidth="1"/>
    <col min="3285" max="3285" width="8.08203125" style="43" customWidth="1"/>
    <col min="3286" max="3286" width="4.33203125" style="43" customWidth="1"/>
    <col min="3287" max="3287" width="11.83203125" style="43" customWidth="1"/>
    <col min="3288" max="3288" width="4.33203125" style="43" customWidth="1"/>
    <col min="3289" max="3289" width="11.83203125" style="43" customWidth="1"/>
    <col min="3290" max="3290" width="4.33203125" style="43" customWidth="1"/>
    <col min="3291" max="3291" width="11.83203125" style="43" customWidth="1"/>
    <col min="3292" max="3292" width="4.33203125" style="43" customWidth="1"/>
    <col min="3293" max="3293" width="11.83203125" style="43" customWidth="1"/>
    <col min="3294" max="3294" width="4.33203125" style="43" customWidth="1"/>
    <col min="3295" max="3295" width="11.83203125" style="43" customWidth="1"/>
    <col min="3296" max="3296" width="4.33203125" style="43" customWidth="1"/>
    <col min="3297" max="3297" width="11.83203125" style="43" customWidth="1"/>
    <col min="3298" max="3298" width="4.33203125" style="43" customWidth="1"/>
    <col min="3299" max="3299" width="11.83203125" style="43" customWidth="1"/>
    <col min="3300" max="3300" width="4.33203125" style="43" customWidth="1"/>
    <col min="3301" max="3301" width="11.83203125" style="43" customWidth="1"/>
    <col min="3302" max="3302" width="4.33203125" style="43" customWidth="1"/>
    <col min="3303" max="3303" width="11.83203125" style="43" customWidth="1"/>
    <col min="3304" max="3304" width="4.33203125" style="43" customWidth="1"/>
    <col min="3305" max="3305" width="11.83203125" style="43" customWidth="1"/>
    <col min="3306" max="3306" width="4.33203125" style="43" customWidth="1"/>
    <col min="3307" max="3307" width="11.83203125" style="43" customWidth="1"/>
    <col min="3308" max="3308" width="4.33203125" style="43" customWidth="1"/>
    <col min="3309" max="3309" width="11.83203125" style="43" customWidth="1"/>
    <col min="3310" max="3310" width="4.33203125" style="43" customWidth="1"/>
    <col min="3311" max="3311" width="11.83203125" style="43" customWidth="1"/>
    <col min="3312" max="3312" width="4.33203125" style="43" customWidth="1"/>
    <col min="3313" max="3313" width="11.83203125" style="43" customWidth="1"/>
    <col min="3314" max="3314" width="4.33203125" style="43" customWidth="1"/>
    <col min="3315" max="3315" width="11.83203125" style="43" customWidth="1"/>
    <col min="3316" max="3316" width="4.33203125" style="43" customWidth="1"/>
    <col min="3317" max="3317" width="11.83203125" style="43" customWidth="1"/>
    <col min="3318" max="3318" width="4.33203125" style="43" customWidth="1"/>
    <col min="3319" max="3319" width="11.83203125" style="43" customWidth="1"/>
    <col min="3320" max="3320" width="4.33203125" style="43" customWidth="1"/>
    <col min="3321" max="3321" width="11.83203125" style="43" customWidth="1"/>
    <col min="3322" max="3322" width="4.33203125" style="43" customWidth="1"/>
    <col min="3323" max="3323" width="11.83203125" style="43" customWidth="1"/>
    <col min="3324" max="3324" width="4.33203125" style="43" customWidth="1"/>
    <col min="3325" max="3325" width="11.83203125" style="43" customWidth="1"/>
    <col min="3326" max="3326" width="4.33203125" style="43" customWidth="1"/>
    <col min="3327" max="3327" width="11.83203125" style="43" customWidth="1"/>
    <col min="3328" max="3328" width="4.33203125" style="43"/>
    <col min="3329" max="3329" width="11.83203125" style="43" customWidth="1"/>
    <col min="3330" max="3330" width="4.33203125" style="43" customWidth="1"/>
    <col min="3331" max="3331" width="11.83203125" style="43" customWidth="1"/>
    <col min="3332" max="3332" width="4.33203125" style="43" customWidth="1"/>
    <col min="3333" max="3333" width="11.83203125" style="43" customWidth="1"/>
    <col min="3334" max="3334" width="4.33203125" style="43" customWidth="1"/>
    <col min="3335" max="3335" width="11.83203125" style="43" customWidth="1"/>
    <col min="3336" max="3336" width="4.33203125" style="43" customWidth="1"/>
    <col min="3337" max="3337" width="11.83203125" style="43" customWidth="1"/>
    <col min="3338" max="3338" width="4.33203125" style="43" customWidth="1"/>
    <col min="3339" max="3339" width="11.83203125" style="43" customWidth="1"/>
    <col min="3340" max="3340" width="4.33203125" style="43" customWidth="1"/>
    <col min="3341" max="3341" width="11.83203125" style="43" customWidth="1"/>
    <col min="3342" max="3342" width="4.33203125" style="43" customWidth="1"/>
    <col min="3343" max="3343" width="11.83203125" style="43" customWidth="1"/>
    <col min="3344" max="3344" width="4.33203125" style="43" customWidth="1"/>
    <col min="3345" max="3345" width="11.83203125" style="43" customWidth="1"/>
    <col min="3346" max="3346" width="4.33203125" style="43" customWidth="1"/>
    <col min="3347" max="3347" width="11.83203125" style="43" customWidth="1"/>
    <col min="3348" max="3348" width="4.33203125" style="43" customWidth="1"/>
    <col min="3349" max="3349" width="11.83203125" style="43" customWidth="1"/>
    <col min="3350" max="3350" width="4.33203125" style="43" customWidth="1"/>
    <col min="3351" max="3351" width="11.83203125" style="43" customWidth="1"/>
    <col min="3352" max="3352" width="4.33203125" style="43" customWidth="1"/>
    <col min="3353" max="3353" width="11.83203125" style="43" customWidth="1"/>
    <col min="3354" max="3354" width="4.33203125" style="43" customWidth="1"/>
    <col min="3355" max="3355" width="11.83203125" style="43" customWidth="1"/>
    <col min="3356" max="3356" width="4.33203125" style="43" customWidth="1"/>
    <col min="3357" max="3357" width="11.83203125" style="43" customWidth="1"/>
    <col min="3358" max="3358" width="4.33203125" style="43" customWidth="1"/>
    <col min="3359" max="3359" width="11.83203125" style="43" customWidth="1"/>
    <col min="3360" max="3360" width="4.33203125" style="43" customWidth="1"/>
    <col min="3361" max="3361" width="11.83203125" style="43" customWidth="1"/>
    <col min="3362" max="3362" width="4.33203125" style="43" customWidth="1"/>
    <col min="3363" max="3363" width="11.83203125" style="43" customWidth="1"/>
    <col min="3364" max="3364" width="4.33203125" style="43" customWidth="1"/>
    <col min="3365" max="3365" width="11.83203125" style="43" customWidth="1"/>
    <col min="3366" max="3366" width="4.33203125" style="43" customWidth="1"/>
    <col min="3367" max="3367" width="11.83203125" style="43" customWidth="1"/>
    <col min="3368" max="3368" width="4.33203125" style="43" customWidth="1"/>
    <col min="3369" max="3369" width="11.83203125" style="43" customWidth="1"/>
    <col min="3370" max="3370" width="4.33203125" style="43" customWidth="1"/>
    <col min="3371" max="3371" width="11.83203125" style="43" customWidth="1"/>
    <col min="3372" max="3372" width="4.33203125" style="43" customWidth="1"/>
    <col min="3373" max="3373" width="11.83203125" style="43" customWidth="1"/>
    <col min="3374" max="3374" width="4.33203125" style="43" customWidth="1"/>
    <col min="3375" max="3375" width="11.83203125" style="43" customWidth="1"/>
    <col min="3376" max="3376" width="4.33203125" style="43" customWidth="1"/>
    <col min="3377" max="3377" width="11.83203125" style="43" customWidth="1"/>
    <col min="3378" max="3378" width="4.33203125" style="43" customWidth="1"/>
    <col min="3379" max="3379" width="11.83203125" style="43" customWidth="1"/>
    <col min="3380" max="3380" width="4.33203125" style="43" customWidth="1"/>
    <col min="3381" max="3381" width="11.83203125" style="43" customWidth="1"/>
    <col min="3382" max="3382" width="4.33203125" style="43" customWidth="1"/>
    <col min="3383" max="3383" width="11.83203125" style="43" customWidth="1"/>
    <col min="3384" max="3384" width="4.33203125" style="43" customWidth="1"/>
    <col min="3385" max="3385" width="11.83203125" style="43" customWidth="1"/>
    <col min="3386" max="3386" width="4.33203125" style="43" customWidth="1"/>
    <col min="3387" max="3387" width="11.83203125" style="43" customWidth="1"/>
    <col min="3388" max="3388" width="4.33203125" style="43" customWidth="1"/>
    <col min="3389" max="3389" width="11.83203125" style="43" customWidth="1"/>
    <col min="3390" max="3390" width="4.33203125" style="43" customWidth="1"/>
    <col min="3391" max="3391" width="11.83203125" style="43" customWidth="1"/>
    <col min="3392" max="3392" width="4.33203125" style="43" customWidth="1"/>
    <col min="3393" max="3393" width="11.83203125" style="43" customWidth="1"/>
    <col min="3394" max="3394" width="4.33203125" style="43" customWidth="1"/>
    <col min="3395" max="3395" width="11.83203125" style="43" customWidth="1"/>
    <col min="3396" max="3396" width="4.33203125" style="43" customWidth="1"/>
    <col min="3397" max="3397" width="11.83203125" style="43" customWidth="1"/>
    <col min="3398" max="3398" width="4.33203125" style="43" customWidth="1"/>
    <col min="3399" max="3399" width="11.83203125" style="43" customWidth="1"/>
    <col min="3400" max="3400" width="4.33203125" style="43" customWidth="1"/>
    <col min="3401" max="3401" width="11.83203125" style="43" customWidth="1"/>
    <col min="3402" max="3492" width="5.33203125" style="43" customWidth="1"/>
    <col min="3493" max="3498" width="1.33203125" style="43" customWidth="1"/>
    <col min="3499" max="3499" width="8.08203125" style="43" customWidth="1"/>
    <col min="3500" max="3500" width="4.33203125" style="43" customWidth="1"/>
    <col min="3501" max="3501" width="11.83203125" style="43" customWidth="1"/>
    <col min="3502" max="3502" width="4.33203125" style="43" customWidth="1"/>
    <col min="3503" max="3503" width="11.83203125" style="43" customWidth="1"/>
    <col min="3504" max="3504" width="4.33203125" style="43" customWidth="1"/>
    <col min="3505" max="3505" width="11.83203125" style="43" customWidth="1"/>
    <col min="3506" max="3506" width="4.33203125" style="43" customWidth="1"/>
    <col min="3507" max="3507" width="11.83203125" style="43" customWidth="1"/>
    <col min="3508" max="3508" width="4.33203125" style="43" customWidth="1"/>
    <col min="3509" max="3509" width="11.83203125" style="43" customWidth="1"/>
    <col min="3510" max="3510" width="4.33203125" style="43" customWidth="1"/>
    <col min="3511" max="3511" width="11.83203125" style="43" customWidth="1"/>
    <col min="3512" max="3512" width="4.33203125" style="43" customWidth="1"/>
    <col min="3513" max="3513" width="11.83203125" style="43" customWidth="1"/>
    <col min="3514" max="3514" width="4.33203125" style="43" customWidth="1"/>
    <col min="3515" max="3515" width="11.83203125" style="43" customWidth="1"/>
    <col min="3516" max="3516" width="4.33203125" style="43" customWidth="1"/>
    <col min="3517" max="3517" width="11.83203125" style="43" customWidth="1"/>
    <col min="3518" max="3518" width="4.33203125" style="43" customWidth="1"/>
    <col min="3519" max="3519" width="11.83203125" style="43" customWidth="1"/>
    <col min="3520" max="3520" width="4.33203125" style="43" customWidth="1"/>
    <col min="3521" max="3521" width="11.83203125" style="43" customWidth="1"/>
    <col min="3522" max="3522" width="4.33203125" style="43" customWidth="1"/>
    <col min="3523" max="3523" width="11.83203125" style="43" customWidth="1"/>
    <col min="3524" max="3524" width="4.33203125" style="43" customWidth="1"/>
    <col min="3525" max="3525" width="11.83203125" style="43" customWidth="1"/>
    <col min="3526" max="3526" width="4.33203125" style="43" customWidth="1"/>
    <col min="3527" max="3527" width="11.83203125" style="43" customWidth="1"/>
    <col min="3528" max="3528" width="4.33203125" style="43" customWidth="1"/>
    <col min="3529" max="3529" width="11.83203125" style="43" customWidth="1"/>
    <col min="3530" max="3530" width="4.33203125" style="43" customWidth="1"/>
    <col min="3531" max="3531" width="11.83203125" style="43" customWidth="1"/>
    <col min="3532" max="3532" width="4.33203125" style="43" customWidth="1"/>
    <col min="3533" max="3533" width="11.83203125" style="43" customWidth="1"/>
    <col min="3534" max="3534" width="4.33203125" style="43" customWidth="1"/>
    <col min="3535" max="3536" width="4.33203125" style="43"/>
    <col min="3537" max="3540" width="1.33203125" style="43" customWidth="1"/>
    <col min="3541" max="3541" width="8.08203125" style="43" customWidth="1"/>
    <col min="3542" max="3542" width="4.33203125" style="43" customWidth="1"/>
    <col min="3543" max="3543" width="11.83203125" style="43" customWidth="1"/>
    <col min="3544" max="3544" width="4.33203125" style="43" customWidth="1"/>
    <col min="3545" max="3545" width="11.83203125" style="43" customWidth="1"/>
    <col min="3546" max="3546" width="4.33203125" style="43" customWidth="1"/>
    <col min="3547" max="3547" width="11.83203125" style="43" customWidth="1"/>
    <col min="3548" max="3548" width="4.33203125" style="43" customWidth="1"/>
    <col min="3549" max="3549" width="11.83203125" style="43" customWidth="1"/>
    <col min="3550" max="3550" width="4.33203125" style="43" customWidth="1"/>
    <col min="3551" max="3551" width="11.83203125" style="43" customWidth="1"/>
    <col min="3552" max="3552" width="4.33203125" style="43" customWidth="1"/>
    <col min="3553" max="3553" width="11.83203125" style="43" customWidth="1"/>
    <col min="3554" max="3554" width="4.33203125" style="43" customWidth="1"/>
    <col min="3555" max="3555" width="11.83203125" style="43" customWidth="1"/>
    <col min="3556" max="3556" width="4.33203125" style="43" customWidth="1"/>
    <col min="3557" max="3557" width="11.83203125" style="43" customWidth="1"/>
    <col min="3558" max="3558" width="4.33203125" style="43" customWidth="1"/>
    <col min="3559" max="3559" width="11.83203125" style="43" customWidth="1"/>
    <col min="3560" max="3560" width="4.33203125" style="43" customWidth="1"/>
    <col min="3561" max="3561" width="11.83203125" style="43" customWidth="1"/>
    <col min="3562" max="3562" width="4.33203125" style="43" customWidth="1"/>
    <col min="3563" max="3563" width="11.83203125" style="43" customWidth="1"/>
    <col min="3564" max="3564" width="4.33203125" style="43" customWidth="1"/>
    <col min="3565" max="3565" width="11.83203125" style="43" customWidth="1"/>
    <col min="3566" max="3566" width="4.33203125" style="43" customWidth="1"/>
    <col min="3567" max="3567" width="11.83203125" style="43" customWidth="1"/>
    <col min="3568" max="3568" width="4.33203125" style="43" customWidth="1"/>
    <col min="3569" max="3569" width="11.83203125" style="43" customWidth="1"/>
    <col min="3570" max="3570" width="4.33203125" style="43" customWidth="1"/>
    <col min="3571" max="3571" width="11.83203125" style="43" customWidth="1"/>
    <col min="3572" max="3572" width="4.33203125" style="43" customWidth="1"/>
    <col min="3573" max="3573" width="11.83203125" style="43" customWidth="1"/>
    <col min="3574" max="3574" width="4.33203125" style="43" customWidth="1"/>
    <col min="3575" max="3575" width="11.83203125" style="43" customWidth="1"/>
    <col min="3576" max="3576" width="4.33203125" style="43" customWidth="1"/>
    <col min="3577" max="3577" width="11.83203125" style="43" customWidth="1"/>
    <col min="3578" max="3578" width="4.33203125" style="43" customWidth="1"/>
    <col min="3579" max="3579" width="11.83203125" style="43" customWidth="1"/>
    <col min="3580" max="3580" width="4.33203125" style="43" customWidth="1"/>
    <col min="3581" max="3581" width="11.83203125" style="43" customWidth="1"/>
    <col min="3582" max="3582" width="4.33203125" style="43" customWidth="1"/>
    <col min="3583" max="3583" width="11.83203125" style="43" customWidth="1"/>
    <col min="3584" max="3584" width="4.33203125" style="43"/>
    <col min="3585" max="3585" width="11.83203125" style="43" customWidth="1"/>
    <col min="3586" max="3586" width="4.33203125" style="43" customWidth="1"/>
    <col min="3587" max="3587" width="11.83203125" style="43" customWidth="1"/>
    <col min="3588" max="3588" width="4.33203125" style="43" customWidth="1"/>
    <col min="3589" max="3589" width="11.83203125" style="43" customWidth="1"/>
    <col min="3590" max="3590" width="4.33203125" style="43" customWidth="1"/>
    <col min="3591" max="3591" width="11.83203125" style="43" customWidth="1"/>
    <col min="3592" max="3592" width="4.33203125" style="43" customWidth="1"/>
    <col min="3593" max="3593" width="11.83203125" style="43" customWidth="1"/>
    <col min="3594" max="3594" width="4.33203125" style="43" customWidth="1"/>
    <col min="3595" max="3595" width="11.83203125" style="43" customWidth="1"/>
    <col min="3596" max="3596" width="4.33203125" style="43" customWidth="1"/>
    <col min="3597" max="3597" width="11.83203125" style="43" customWidth="1"/>
    <col min="3598" max="3598" width="4.33203125" style="43" customWidth="1"/>
    <col min="3599" max="3599" width="11.83203125" style="43" customWidth="1"/>
    <col min="3600" max="3600" width="4.33203125" style="43" customWidth="1"/>
    <col min="3601" max="3601" width="11.83203125" style="43" customWidth="1"/>
    <col min="3602" max="3602" width="4.33203125" style="43" customWidth="1"/>
    <col min="3603" max="3603" width="11.83203125" style="43" customWidth="1"/>
    <col min="3604" max="3604" width="4.33203125" style="43" customWidth="1"/>
    <col min="3605" max="3605" width="11.83203125" style="43" customWidth="1"/>
    <col min="3606" max="3606" width="4.33203125" style="43" customWidth="1"/>
    <col min="3607" max="3607" width="11.83203125" style="43" customWidth="1"/>
    <col min="3608" max="3608" width="4.33203125" style="43" customWidth="1"/>
    <col min="3609" max="3609" width="11.83203125" style="43" customWidth="1"/>
    <col min="3610" max="3610" width="4.33203125" style="43" customWidth="1"/>
    <col min="3611" max="3611" width="11.83203125" style="43" customWidth="1"/>
    <col min="3612" max="3612" width="4.33203125" style="43" customWidth="1"/>
    <col min="3613" max="3613" width="11.83203125" style="43" customWidth="1"/>
    <col min="3614" max="3614" width="4.33203125" style="43" customWidth="1"/>
    <col min="3615" max="3615" width="11.83203125" style="43" customWidth="1"/>
    <col min="3616" max="3616" width="4.33203125" style="43" customWidth="1"/>
    <col min="3617" max="3617" width="11.83203125" style="43" customWidth="1"/>
    <col min="3618" max="3618" width="4.33203125" style="43" customWidth="1"/>
    <col min="3619" max="3619" width="11.83203125" style="43" customWidth="1"/>
    <col min="3620" max="3620" width="4.33203125" style="43" customWidth="1"/>
    <col min="3621" max="3621" width="11.83203125" style="43" customWidth="1"/>
    <col min="3622" max="3622" width="4.33203125" style="43" customWidth="1"/>
    <col min="3623" max="3623" width="11.83203125" style="43" customWidth="1"/>
    <col min="3624" max="3624" width="4.33203125" style="43" customWidth="1"/>
    <col min="3625" max="3625" width="11.83203125" style="43" customWidth="1"/>
    <col min="3626" max="3626" width="4.33203125" style="43" customWidth="1"/>
    <col min="3627" max="3627" width="11.83203125" style="43" customWidth="1"/>
    <col min="3628" max="3628" width="4.33203125" style="43" customWidth="1"/>
    <col min="3629" max="3629" width="11.83203125" style="43" customWidth="1"/>
    <col min="3630" max="3630" width="4.33203125" style="43" customWidth="1"/>
    <col min="3631" max="3631" width="11.83203125" style="43" customWidth="1"/>
    <col min="3632" max="3632" width="4.33203125" style="43" customWidth="1"/>
    <col min="3633" max="3633" width="11.83203125" style="43" customWidth="1"/>
    <col min="3634" max="3634" width="4.33203125" style="43" customWidth="1"/>
    <col min="3635" max="3635" width="11.83203125" style="43" customWidth="1"/>
    <col min="3636" max="3636" width="4.33203125" style="43" customWidth="1"/>
    <col min="3637" max="3637" width="11.83203125" style="43" customWidth="1"/>
    <col min="3638" max="3638" width="4.33203125" style="43" customWidth="1"/>
    <col min="3639" max="3639" width="11.83203125" style="43" customWidth="1"/>
    <col min="3640" max="3640" width="4.33203125" style="43" customWidth="1"/>
    <col min="3641" max="3641" width="11.83203125" style="43" customWidth="1"/>
    <col min="3642" max="3642" width="4.33203125" style="43" customWidth="1"/>
    <col min="3643" max="3643" width="11.83203125" style="43" customWidth="1"/>
    <col min="3644" max="3644" width="4.33203125" style="43" customWidth="1"/>
    <col min="3645" max="3645" width="11.83203125" style="43" customWidth="1"/>
    <col min="3646" max="3646" width="4.33203125" style="43" customWidth="1"/>
    <col min="3647" max="3647" width="11.83203125" style="43" customWidth="1"/>
    <col min="3648" max="3648" width="4.33203125" style="43" customWidth="1"/>
    <col min="3649" max="3649" width="11.83203125" style="43" customWidth="1"/>
    <col min="3650" max="3650" width="4.33203125" style="43" customWidth="1"/>
    <col min="3651" max="3651" width="11.83203125" style="43" customWidth="1"/>
    <col min="3652" max="3652" width="4.33203125" style="43" customWidth="1"/>
    <col min="3653" max="3653" width="11.83203125" style="43" customWidth="1"/>
    <col min="3654" max="3654" width="4.33203125" style="43" customWidth="1"/>
    <col min="3655" max="3655" width="11.83203125" style="43" customWidth="1"/>
    <col min="3656" max="3656" width="4.33203125" style="43" customWidth="1"/>
    <col min="3657" max="3657" width="11.83203125" style="43" customWidth="1"/>
    <col min="3658" max="3748" width="5.33203125" style="43" customWidth="1"/>
    <col min="3749" max="3754" width="1.33203125" style="43" customWidth="1"/>
    <col min="3755" max="3755" width="8.08203125" style="43" customWidth="1"/>
    <col min="3756" max="3756" width="4.33203125" style="43" customWidth="1"/>
    <col min="3757" max="3757" width="11.83203125" style="43" customWidth="1"/>
    <col min="3758" max="3758" width="4.33203125" style="43" customWidth="1"/>
    <col min="3759" max="3759" width="11.83203125" style="43" customWidth="1"/>
    <col min="3760" max="3760" width="4.33203125" style="43" customWidth="1"/>
    <col min="3761" max="3761" width="11.83203125" style="43" customWidth="1"/>
    <col min="3762" max="3762" width="4.33203125" style="43" customWidth="1"/>
    <col min="3763" max="3763" width="11.83203125" style="43" customWidth="1"/>
    <col min="3764" max="3764" width="4.33203125" style="43" customWidth="1"/>
    <col min="3765" max="3765" width="11.83203125" style="43" customWidth="1"/>
    <col min="3766" max="3766" width="4.33203125" style="43" customWidth="1"/>
    <col min="3767" max="3767" width="11.83203125" style="43" customWidth="1"/>
    <col min="3768" max="3768" width="4.33203125" style="43" customWidth="1"/>
    <col min="3769" max="3769" width="11.83203125" style="43" customWidth="1"/>
    <col min="3770" max="3770" width="4.33203125" style="43" customWidth="1"/>
    <col min="3771" max="3771" width="11.83203125" style="43" customWidth="1"/>
    <col min="3772" max="3772" width="4.33203125" style="43" customWidth="1"/>
    <col min="3773" max="3773" width="11.83203125" style="43" customWidth="1"/>
    <col min="3774" max="3774" width="4.33203125" style="43" customWidth="1"/>
    <col min="3775" max="3775" width="11.83203125" style="43" customWidth="1"/>
    <col min="3776" max="3776" width="4.33203125" style="43" customWidth="1"/>
    <col min="3777" max="3777" width="11.83203125" style="43" customWidth="1"/>
    <col min="3778" max="3778" width="4.33203125" style="43" customWidth="1"/>
    <col min="3779" max="3779" width="11.83203125" style="43" customWidth="1"/>
    <col min="3780" max="3780" width="4.33203125" style="43" customWidth="1"/>
    <col min="3781" max="3781" width="11.83203125" style="43" customWidth="1"/>
    <col min="3782" max="3782" width="4.33203125" style="43" customWidth="1"/>
    <col min="3783" max="3783" width="11.83203125" style="43" customWidth="1"/>
    <col min="3784" max="3784" width="4.33203125" style="43" customWidth="1"/>
    <col min="3785" max="3785" width="11.83203125" style="43" customWidth="1"/>
    <col min="3786" max="3786" width="4.33203125" style="43" customWidth="1"/>
    <col min="3787" max="3787" width="11.83203125" style="43" customWidth="1"/>
    <col min="3788" max="3788" width="4.33203125" style="43" customWidth="1"/>
    <col min="3789" max="3789" width="11.83203125" style="43" customWidth="1"/>
    <col min="3790" max="3790" width="4.33203125" style="43" customWidth="1"/>
    <col min="3791" max="3792" width="4.33203125" style="43"/>
    <col min="3793" max="3796" width="1.33203125" style="43" customWidth="1"/>
    <col min="3797" max="3797" width="8.08203125" style="43" customWidth="1"/>
    <col min="3798" max="3798" width="4.33203125" style="43" customWidth="1"/>
    <col min="3799" max="3799" width="11.83203125" style="43" customWidth="1"/>
    <col min="3800" max="3800" width="4.33203125" style="43" customWidth="1"/>
    <col min="3801" max="3801" width="11.83203125" style="43" customWidth="1"/>
    <col min="3802" max="3802" width="4.33203125" style="43" customWidth="1"/>
    <col min="3803" max="3803" width="11.83203125" style="43" customWidth="1"/>
    <col min="3804" max="3804" width="4.33203125" style="43" customWidth="1"/>
    <col min="3805" max="3805" width="11.83203125" style="43" customWidth="1"/>
    <col min="3806" max="3806" width="4.33203125" style="43" customWidth="1"/>
    <col min="3807" max="3807" width="11.83203125" style="43" customWidth="1"/>
    <col min="3808" max="3808" width="4.33203125" style="43" customWidth="1"/>
    <col min="3809" max="3809" width="11.83203125" style="43" customWidth="1"/>
    <col min="3810" max="3810" width="4.33203125" style="43" customWidth="1"/>
    <col min="3811" max="3811" width="11.83203125" style="43" customWidth="1"/>
    <col min="3812" max="3812" width="4.33203125" style="43" customWidth="1"/>
    <col min="3813" max="3813" width="11.83203125" style="43" customWidth="1"/>
    <col min="3814" max="3814" width="4.33203125" style="43" customWidth="1"/>
    <col min="3815" max="3815" width="11.83203125" style="43" customWidth="1"/>
    <col min="3816" max="3816" width="4.33203125" style="43" customWidth="1"/>
    <col min="3817" max="3817" width="11.83203125" style="43" customWidth="1"/>
    <col min="3818" max="3818" width="4.33203125" style="43" customWidth="1"/>
    <col min="3819" max="3819" width="11.83203125" style="43" customWidth="1"/>
    <col min="3820" max="3820" width="4.33203125" style="43" customWidth="1"/>
    <col min="3821" max="3821" width="11.83203125" style="43" customWidth="1"/>
    <col min="3822" max="3822" width="4.33203125" style="43" customWidth="1"/>
    <col min="3823" max="3823" width="11.83203125" style="43" customWidth="1"/>
    <col min="3824" max="3824" width="4.33203125" style="43" customWidth="1"/>
    <col min="3825" max="3825" width="11.83203125" style="43" customWidth="1"/>
    <col min="3826" max="3826" width="4.33203125" style="43" customWidth="1"/>
    <col min="3827" max="3827" width="11.83203125" style="43" customWidth="1"/>
    <col min="3828" max="3828" width="4.33203125" style="43" customWidth="1"/>
    <col min="3829" max="3829" width="11.83203125" style="43" customWidth="1"/>
    <col min="3830" max="3830" width="4.33203125" style="43" customWidth="1"/>
    <col min="3831" max="3831" width="11.83203125" style="43" customWidth="1"/>
    <col min="3832" max="3832" width="4.33203125" style="43" customWidth="1"/>
    <col min="3833" max="3833" width="11.83203125" style="43" customWidth="1"/>
    <col min="3834" max="3834" width="4.33203125" style="43" customWidth="1"/>
    <col min="3835" max="3835" width="11.83203125" style="43" customWidth="1"/>
    <col min="3836" max="3836" width="4.33203125" style="43" customWidth="1"/>
    <col min="3837" max="3837" width="11.83203125" style="43" customWidth="1"/>
    <col min="3838" max="3838" width="4.33203125" style="43" customWidth="1"/>
    <col min="3839" max="3839" width="11.83203125" style="43" customWidth="1"/>
    <col min="3840" max="3840" width="4.33203125" style="43"/>
    <col min="3841" max="3841" width="11.83203125" style="43" customWidth="1"/>
    <col min="3842" max="3842" width="4.33203125" style="43" customWidth="1"/>
    <col min="3843" max="3843" width="11.83203125" style="43" customWidth="1"/>
    <col min="3844" max="3844" width="4.33203125" style="43" customWidth="1"/>
    <col min="3845" max="3845" width="11.83203125" style="43" customWidth="1"/>
    <col min="3846" max="3846" width="4.33203125" style="43" customWidth="1"/>
    <col min="3847" max="3847" width="11.83203125" style="43" customWidth="1"/>
    <col min="3848" max="3848" width="4.33203125" style="43" customWidth="1"/>
    <col min="3849" max="3849" width="11.83203125" style="43" customWidth="1"/>
    <col min="3850" max="3850" width="4.33203125" style="43" customWidth="1"/>
    <col min="3851" max="3851" width="11.83203125" style="43" customWidth="1"/>
    <col min="3852" max="3852" width="4.33203125" style="43" customWidth="1"/>
    <col min="3853" max="3853" width="11.83203125" style="43" customWidth="1"/>
    <col min="3854" max="3854" width="4.33203125" style="43" customWidth="1"/>
    <col min="3855" max="3855" width="11.83203125" style="43" customWidth="1"/>
    <col min="3856" max="3856" width="4.33203125" style="43" customWidth="1"/>
    <col min="3857" max="3857" width="11.83203125" style="43" customWidth="1"/>
    <col min="3858" max="3858" width="4.33203125" style="43" customWidth="1"/>
    <col min="3859" max="3859" width="11.83203125" style="43" customWidth="1"/>
    <col min="3860" max="3860" width="4.33203125" style="43" customWidth="1"/>
    <col min="3861" max="3861" width="11.83203125" style="43" customWidth="1"/>
    <col min="3862" max="3862" width="4.33203125" style="43" customWidth="1"/>
    <col min="3863" max="3863" width="11.83203125" style="43" customWidth="1"/>
    <col min="3864" max="3864" width="4.33203125" style="43" customWidth="1"/>
    <col min="3865" max="3865" width="11.83203125" style="43" customWidth="1"/>
    <col min="3866" max="3866" width="4.33203125" style="43" customWidth="1"/>
    <col min="3867" max="3867" width="11.83203125" style="43" customWidth="1"/>
    <col min="3868" max="3868" width="4.33203125" style="43" customWidth="1"/>
    <col min="3869" max="3869" width="11.83203125" style="43" customWidth="1"/>
    <col min="3870" max="3870" width="4.33203125" style="43" customWidth="1"/>
    <col min="3871" max="3871" width="11.83203125" style="43" customWidth="1"/>
    <col min="3872" max="3872" width="4.33203125" style="43" customWidth="1"/>
    <col min="3873" max="3873" width="11.83203125" style="43" customWidth="1"/>
    <col min="3874" max="3874" width="4.33203125" style="43" customWidth="1"/>
    <col min="3875" max="3875" width="11.83203125" style="43" customWidth="1"/>
    <col min="3876" max="3876" width="4.33203125" style="43" customWidth="1"/>
    <col min="3877" max="3877" width="11.83203125" style="43" customWidth="1"/>
    <col min="3878" max="3878" width="4.33203125" style="43" customWidth="1"/>
    <col min="3879" max="3879" width="11.83203125" style="43" customWidth="1"/>
    <col min="3880" max="3880" width="4.33203125" style="43" customWidth="1"/>
    <col min="3881" max="3881" width="11.83203125" style="43" customWidth="1"/>
    <col min="3882" max="3882" width="4.33203125" style="43" customWidth="1"/>
    <col min="3883" max="3883" width="11.83203125" style="43" customWidth="1"/>
    <col min="3884" max="3884" width="4.33203125" style="43" customWidth="1"/>
    <col min="3885" max="3885" width="11.83203125" style="43" customWidth="1"/>
    <col min="3886" max="3886" width="4.33203125" style="43" customWidth="1"/>
    <col min="3887" max="3887" width="11.83203125" style="43" customWidth="1"/>
    <col min="3888" max="3888" width="4.33203125" style="43" customWidth="1"/>
    <col min="3889" max="3889" width="11.83203125" style="43" customWidth="1"/>
    <col min="3890" max="3890" width="4.33203125" style="43" customWidth="1"/>
    <col min="3891" max="3891" width="11.83203125" style="43" customWidth="1"/>
    <col min="3892" max="3892" width="4.33203125" style="43" customWidth="1"/>
    <col min="3893" max="3893" width="11.83203125" style="43" customWidth="1"/>
    <col min="3894" max="3894" width="4.33203125" style="43" customWidth="1"/>
    <col min="3895" max="3895" width="11.83203125" style="43" customWidth="1"/>
    <col min="3896" max="3896" width="4.33203125" style="43" customWidth="1"/>
    <col min="3897" max="3897" width="11.83203125" style="43" customWidth="1"/>
    <col min="3898" max="3898" width="4.33203125" style="43" customWidth="1"/>
    <col min="3899" max="3899" width="11.83203125" style="43" customWidth="1"/>
    <col min="3900" max="3900" width="4.33203125" style="43" customWidth="1"/>
    <col min="3901" max="3901" width="11.83203125" style="43" customWidth="1"/>
    <col min="3902" max="3902" width="4.33203125" style="43" customWidth="1"/>
    <col min="3903" max="3903" width="11.83203125" style="43" customWidth="1"/>
    <col min="3904" max="3904" width="4.33203125" style="43" customWidth="1"/>
    <col min="3905" max="3905" width="11.83203125" style="43" customWidth="1"/>
    <col min="3906" max="3906" width="4.33203125" style="43" customWidth="1"/>
    <col min="3907" max="3907" width="11.83203125" style="43" customWidth="1"/>
    <col min="3908" max="3908" width="4.33203125" style="43" customWidth="1"/>
    <col min="3909" max="3909" width="11.83203125" style="43" customWidth="1"/>
    <col min="3910" max="3910" width="4.33203125" style="43" customWidth="1"/>
    <col min="3911" max="3911" width="11.83203125" style="43" customWidth="1"/>
    <col min="3912" max="3912" width="4.33203125" style="43" customWidth="1"/>
    <col min="3913" max="3913" width="11.83203125" style="43" customWidth="1"/>
    <col min="3914" max="4004" width="5.33203125" style="43" customWidth="1"/>
    <col min="4005" max="4010" width="1.33203125" style="43" customWidth="1"/>
    <col min="4011" max="4011" width="8.08203125" style="43" customWidth="1"/>
    <col min="4012" max="4012" width="4.33203125" style="43" customWidth="1"/>
    <col min="4013" max="4013" width="11.83203125" style="43" customWidth="1"/>
    <col min="4014" max="4014" width="4.33203125" style="43" customWidth="1"/>
    <col min="4015" max="4015" width="11.83203125" style="43" customWidth="1"/>
    <col min="4016" max="4016" width="4.33203125" style="43" customWidth="1"/>
    <col min="4017" max="4017" width="11.83203125" style="43" customWidth="1"/>
    <col min="4018" max="4018" width="4.33203125" style="43" customWidth="1"/>
    <col min="4019" max="4019" width="11.83203125" style="43" customWidth="1"/>
    <col min="4020" max="4020" width="4.33203125" style="43" customWidth="1"/>
    <col min="4021" max="4021" width="11.83203125" style="43" customWidth="1"/>
    <col min="4022" max="4022" width="4.33203125" style="43" customWidth="1"/>
    <col min="4023" max="4023" width="11.83203125" style="43" customWidth="1"/>
    <col min="4024" max="4024" width="4.33203125" style="43" customWidth="1"/>
    <col min="4025" max="4025" width="11.83203125" style="43" customWidth="1"/>
    <col min="4026" max="4026" width="4.33203125" style="43" customWidth="1"/>
    <col min="4027" max="4027" width="11.83203125" style="43" customWidth="1"/>
    <col min="4028" max="4028" width="4.33203125" style="43" customWidth="1"/>
    <col min="4029" max="4029" width="11.83203125" style="43" customWidth="1"/>
    <col min="4030" max="4030" width="4.33203125" style="43" customWidth="1"/>
    <col min="4031" max="4031" width="11.83203125" style="43" customWidth="1"/>
    <col min="4032" max="4032" width="4.33203125" style="43" customWidth="1"/>
    <col min="4033" max="4033" width="11.83203125" style="43" customWidth="1"/>
    <col min="4034" max="4034" width="4.33203125" style="43" customWidth="1"/>
    <col min="4035" max="4035" width="11.83203125" style="43" customWidth="1"/>
    <col min="4036" max="4036" width="4.33203125" style="43" customWidth="1"/>
    <col min="4037" max="4037" width="11.83203125" style="43" customWidth="1"/>
    <col min="4038" max="4038" width="4.33203125" style="43" customWidth="1"/>
    <col min="4039" max="4039" width="11.83203125" style="43" customWidth="1"/>
    <col min="4040" max="4040" width="4.33203125" style="43" customWidth="1"/>
    <col min="4041" max="4041" width="11.83203125" style="43" customWidth="1"/>
    <col min="4042" max="4042" width="4.33203125" style="43" customWidth="1"/>
    <col min="4043" max="4043" width="11.83203125" style="43" customWidth="1"/>
    <col min="4044" max="4044" width="4.33203125" style="43" customWidth="1"/>
    <col min="4045" max="4045" width="11.83203125" style="43" customWidth="1"/>
    <col min="4046" max="4046" width="4.33203125" style="43" customWidth="1"/>
    <col min="4047" max="4048" width="4.33203125" style="43"/>
    <col min="4049" max="4052" width="1.33203125" style="43" customWidth="1"/>
    <col min="4053" max="4053" width="8.08203125" style="43" customWidth="1"/>
    <col min="4054" max="4054" width="4.33203125" style="43" customWidth="1"/>
    <col min="4055" max="4055" width="11.83203125" style="43" customWidth="1"/>
    <col min="4056" max="4056" width="4.33203125" style="43" customWidth="1"/>
    <col min="4057" max="4057" width="11.83203125" style="43" customWidth="1"/>
    <col min="4058" max="4058" width="4.33203125" style="43" customWidth="1"/>
    <col min="4059" max="4059" width="11.83203125" style="43" customWidth="1"/>
    <col min="4060" max="4060" width="4.33203125" style="43" customWidth="1"/>
    <col min="4061" max="4061" width="11.83203125" style="43" customWidth="1"/>
    <col min="4062" max="4062" width="4.33203125" style="43" customWidth="1"/>
    <col min="4063" max="4063" width="11.83203125" style="43" customWidth="1"/>
    <col min="4064" max="4064" width="4.33203125" style="43" customWidth="1"/>
    <col min="4065" max="4065" width="11.83203125" style="43" customWidth="1"/>
    <col min="4066" max="4066" width="4.33203125" style="43" customWidth="1"/>
    <col min="4067" max="4067" width="11.83203125" style="43" customWidth="1"/>
    <col min="4068" max="4068" width="4.33203125" style="43" customWidth="1"/>
    <col min="4069" max="4069" width="11.83203125" style="43" customWidth="1"/>
    <col min="4070" max="4070" width="4.33203125" style="43" customWidth="1"/>
    <col min="4071" max="4071" width="11.83203125" style="43" customWidth="1"/>
    <col min="4072" max="4072" width="4.33203125" style="43" customWidth="1"/>
    <col min="4073" max="4073" width="11.83203125" style="43" customWidth="1"/>
    <col min="4074" max="4074" width="4.33203125" style="43" customWidth="1"/>
    <col min="4075" max="4075" width="11.83203125" style="43" customWidth="1"/>
    <col min="4076" max="4076" width="4.33203125" style="43" customWidth="1"/>
    <col min="4077" max="4077" width="11.83203125" style="43" customWidth="1"/>
    <col min="4078" max="4078" width="4.33203125" style="43" customWidth="1"/>
    <col min="4079" max="4079" width="11.83203125" style="43" customWidth="1"/>
    <col min="4080" max="4080" width="4.33203125" style="43" customWidth="1"/>
    <col min="4081" max="4081" width="11.83203125" style="43" customWidth="1"/>
    <col min="4082" max="4082" width="4.33203125" style="43" customWidth="1"/>
    <col min="4083" max="4083" width="11.83203125" style="43" customWidth="1"/>
    <col min="4084" max="4084" width="4.33203125" style="43" customWidth="1"/>
    <col min="4085" max="4085" width="11.83203125" style="43" customWidth="1"/>
    <col min="4086" max="4086" width="4.33203125" style="43" customWidth="1"/>
    <col min="4087" max="4087" width="11.83203125" style="43" customWidth="1"/>
    <col min="4088" max="4088" width="4.33203125" style="43" customWidth="1"/>
    <col min="4089" max="4089" width="11.83203125" style="43" customWidth="1"/>
    <col min="4090" max="4090" width="4.33203125" style="43" customWidth="1"/>
    <col min="4091" max="4091" width="11.83203125" style="43" customWidth="1"/>
    <col min="4092" max="4092" width="4.33203125" style="43" customWidth="1"/>
    <col min="4093" max="4093" width="11.83203125" style="43" customWidth="1"/>
    <col min="4094" max="4094" width="4.33203125" style="43" customWidth="1"/>
    <col min="4095" max="4095" width="11.83203125" style="43" customWidth="1"/>
    <col min="4096" max="4096" width="4.33203125" style="43"/>
    <col min="4097" max="4097" width="11.83203125" style="43" customWidth="1"/>
    <col min="4098" max="4098" width="4.33203125" style="43" customWidth="1"/>
    <col min="4099" max="4099" width="11.83203125" style="43" customWidth="1"/>
    <col min="4100" max="4100" width="4.33203125" style="43" customWidth="1"/>
    <col min="4101" max="4101" width="11.83203125" style="43" customWidth="1"/>
    <col min="4102" max="4102" width="4.33203125" style="43" customWidth="1"/>
    <col min="4103" max="4103" width="11.83203125" style="43" customWidth="1"/>
    <col min="4104" max="4104" width="4.33203125" style="43" customWidth="1"/>
    <col min="4105" max="4105" width="11.83203125" style="43" customWidth="1"/>
    <col min="4106" max="4106" width="4.33203125" style="43" customWidth="1"/>
    <col min="4107" max="4107" width="11.83203125" style="43" customWidth="1"/>
    <col min="4108" max="4108" width="4.33203125" style="43" customWidth="1"/>
    <col min="4109" max="4109" width="11.83203125" style="43" customWidth="1"/>
    <col min="4110" max="4110" width="4.33203125" style="43" customWidth="1"/>
    <col min="4111" max="4111" width="11.83203125" style="43" customWidth="1"/>
    <col min="4112" max="4112" width="4.33203125" style="43" customWidth="1"/>
    <col min="4113" max="4113" width="11.83203125" style="43" customWidth="1"/>
    <col min="4114" max="4114" width="4.33203125" style="43" customWidth="1"/>
    <col min="4115" max="4115" width="11.83203125" style="43" customWidth="1"/>
    <col min="4116" max="4116" width="4.33203125" style="43" customWidth="1"/>
    <col min="4117" max="4117" width="11.83203125" style="43" customWidth="1"/>
    <col min="4118" max="4118" width="4.33203125" style="43" customWidth="1"/>
    <col min="4119" max="4119" width="11.83203125" style="43" customWidth="1"/>
    <col min="4120" max="4120" width="4.33203125" style="43" customWidth="1"/>
    <col min="4121" max="4121" width="11.83203125" style="43" customWidth="1"/>
    <col min="4122" max="4122" width="4.33203125" style="43" customWidth="1"/>
    <col min="4123" max="4123" width="11.83203125" style="43" customWidth="1"/>
    <col min="4124" max="4124" width="4.33203125" style="43" customWidth="1"/>
    <col min="4125" max="4125" width="11.83203125" style="43" customWidth="1"/>
    <col min="4126" max="4126" width="4.33203125" style="43" customWidth="1"/>
    <col min="4127" max="4127" width="11.83203125" style="43" customWidth="1"/>
    <col min="4128" max="4128" width="4.33203125" style="43" customWidth="1"/>
    <col min="4129" max="4129" width="11.83203125" style="43" customWidth="1"/>
    <col min="4130" max="4130" width="4.33203125" style="43" customWidth="1"/>
    <col min="4131" max="4131" width="11.83203125" style="43" customWidth="1"/>
    <col min="4132" max="4132" width="4.33203125" style="43" customWidth="1"/>
    <col min="4133" max="4133" width="11.83203125" style="43" customWidth="1"/>
    <col min="4134" max="4134" width="4.33203125" style="43" customWidth="1"/>
    <col min="4135" max="4135" width="11.83203125" style="43" customWidth="1"/>
    <col min="4136" max="4136" width="4.33203125" style="43" customWidth="1"/>
    <col min="4137" max="4137" width="11.83203125" style="43" customWidth="1"/>
    <col min="4138" max="4138" width="4.33203125" style="43" customWidth="1"/>
    <col min="4139" max="4139" width="11.83203125" style="43" customWidth="1"/>
    <col min="4140" max="4140" width="4.33203125" style="43" customWidth="1"/>
    <col min="4141" max="4141" width="11.83203125" style="43" customWidth="1"/>
    <col min="4142" max="4142" width="4.33203125" style="43" customWidth="1"/>
    <col min="4143" max="4143" width="11.83203125" style="43" customWidth="1"/>
    <col min="4144" max="4144" width="4.33203125" style="43" customWidth="1"/>
    <col min="4145" max="4145" width="11.83203125" style="43" customWidth="1"/>
    <col min="4146" max="4146" width="4.33203125" style="43" customWidth="1"/>
    <col min="4147" max="4147" width="11.83203125" style="43" customWidth="1"/>
    <col min="4148" max="4148" width="4.33203125" style="43" customWidth="1"/>
    <col min="4149" max="4149" width="11.83203125" style="43" customWidth="1"/>
    <col min="4150" max="4150" width="4.33203125" style="43" customWidth="1"/>
    <col min="4151" max="4151" width="11.83203125" style="43" customWidth="1"/>
    <col min="4152" max="4152" width="4.33203125" style="43" customWidth="1"/>
    <col min="4153" max="4153" width="11.83203125" style="43" customWidth="1"/>
    <col min="4154" max="4154" width="4.33203125" style="43" customWidth="1"/>
    <col min="4155" max="4155" width="11.83203125" style="43" customWidth="1"/>
    <col min="4156" max="4156" width="4.33203125" style="43" customWidth="1"/>
    <col min="4157" max="4157" width="11.83203125" style="43" customWidth="1"/>
    <col min="4158" max="4158" width="4.33203125" style="43" customWidth="1"/>
    <col min="4159" max="4159" width="11.83203125" style="43" customWidth="1"/>
    <col min="4160" max="4160" width="4.33203125" style="43" customWidth="1"/>
    <col min="4161" max="4161" width="11.83203125" style="43" customWidth="1"/>
    <col min="4162" max="4162" width="4.33203125" style="43" customWidth="1"/>
    <col min="4163" max="4163" width="11.83203125" style="43" customWidth="1"/>
    <col min="4164" max="4164" width="4.33203125" style="43" customWidth="1"/>
    <col min="4165" max="4165" width="11.83203125" style="43" customWidth="1"/>
    <col min="4166" max="4166" width="4.33203125" style="43" customWidth="1"/>
    <col min="4167" max="4167" width="11.83203125" style="43" customWidth="1"/>
    <col min="4168" max="4168" width="4.33203125" style="43" customWidth="1"/>
    <col min="4169" max="4169" width="11.83203125" style="43" customWidth="1"/>
    <col min="4170" max="4260" width="5.33203125" style="43" customWidth="1"/>
    <col min="4261" max="4266" width="1.33203125" style="43" customWidth="1"/>
    <col min="4267" max="4267" width="8.08203125" style="43" customWidth="1"/>
    <col min="4268" max="4268" width="4.33203125" style="43" customWidth="1"/>
    <col min="4269" max="4269" width="11.83203125" style="43" customWidth="1"/>
    <col min="4270" max="4270" width="4.33203125" style="43" customWidth="1"/>
    <col min="4271" max="4271" width="11.83203125" style="43" customWidth="1"/>
    <col min="4272" max="4272" width="4.33203125" style="43" customWidth="1"/>
    <col min="4273" max="4273" width="11.83203125" style="43" customWidth="1"/>
    <col min="4274" max="4274" width="4.33203125" style="43" customWidth="1"/>
    <col min="4275" max="4275" width="11.83203125" style="43" customWidth="1"/>
    <col min="4276" max="4276" width="4.33203125" style="43" customWidth="1"/>
    <col min="4277" max="4277" width="11.83203125" style="43" customWidth="1"/>
    <col min="4278" max="4278" width="4.33203125" style="43" customWidth="1"/>
    <col min="4279" max="4279" width="11.83203125" style="43" customWidth="1"/>
    <col min="4280" max="4280" width="4.33203125" style="43" customWidth="1"/>
    <col min="4281" max="4281" width="11.83203125" style="43" customWidth="1"/>
    <col min="4282" max="4282" width="4.33203125" style="43" customWidth="1"/>
    <col min="4283" max="4283" width="11.83203125" style="43" customWidth="1"/>
    <col min="4284" max="4284" width="4.33203125" style="43" customWidth="1"/>
    <col min="4285" max="4285" width="11.83203125" style="43" customWidth="1"/>
    <col min="4286" max="4286" width="4.33203125" style="43" customWidth="1"/>
    <col min="4287" max="4287" width="11.83203125" style="43" customWidth="1"/>
    <col min="4288" max="4288" width="4.33203125" style="43" customWidth="1"/>
    <col min="4289" max="4289" width="11.83203125" style="43" customWidth="1"/>
    <col min="4290" max="4290" width="4.33203125" style="43" customWidth="1"/>
    <col min="4291" max="4291" width="11.83203125" style="43" customWidth="1"/>
    <col min="4292" max="4292" width="4.33203125" style="43" customWidth="1"/>
    <col min="4293" max="4293" width="11.83203125" style="43" customWidth="1"/>
    <col min="4294" max="4294" width="4.33203125" style="43" customWidth="1"/>
    <col min="4295" max="4295" width="11.83203125" style="43" customWidth="1"/>
    <col min="4296" max="4296" width="4.33203125" style="43" customWidth="1"/>
    <col min="4297" max="4297" width="11.83203125" style="43" customWidth="1"/>
    <col min="4298" max="4298" width="4.33203125" style="43" customWidth="1"/>
    <col min="4299" max="4299" width="11.83203125" style="43" customWidth="1"/>
    <col min="4300" max="4300" width="4.33203125" style="43" customWidth="1"/>
    <col min="4301" max="4301" width="11.83203125" style="43" customWidth="1"/>
    <col min="4302" max="4302" width="4.33203125" style="43" customWidth="1"/>
    <col min="4303" max="4304" width="4.33203125" style="43"/>
    <col min="4305" max="4308" width="1.33203125" style="43" customWidth="1"/>
    <col min="4309" max="4309" width="8.08203125" style="43" customWidth="1"/>
    <col min="4310" max="4310" width="4.33203125" style="43" customWidth="1"/>
    <col min="4311" max="4311" width="11.83203125" style="43" customWidth="1"/>
    <col min="4312" max="4312" width="4.33203125" style="43" customWidth="1"/>
    <col min="4313" max="4313" width="11.83203125" style="43" customWidth="1"/>
    <col min="4314" max="4314" width="4.33203125" style="43" customWidth="1"/>
    <col min="4315" max="4315" width="11.83203125" style="43" customWidth="1"/>
    <col min="4316" max="4316" width="4.33203125" style="43" customWidth="1"/>
    <col min="4317" max="4317" width="11.83203125" style="43" customWidth="1"/>
    <col min="4318" max="4318" width="4.33203125" style="43" customWidth="1"/>
    <col min="4319" max="4319" width="11.83203125" style="43" customWidth="1"/>
    <col min="4320" max="4320" width="4.33203125" style="43" customWidth="1"/>
    <col min="4321" max="4321" width="11.83203125" style="43" customWidth="1"/>
    <col min="4322" max="4322" width="4.33203125" style="43" customWidth="1"/>
    <col min="4323" max="4323" width="11.83203125" style="43" customWidth="1"/>
    <col min="4324" max="4324" width="4.33203125" style="43" customWidth="1"/>
    <col min="4325" max="4325" width="11.83203125" style="43" customWidth="1"/>
    <col min="4326" max="4326" width="4.33203125" style="43" customWidth="1"/>
    <col min="4327" max="4327" width="11.83203125" style="43" customWidth="1"/>
    <col min="4328" max="4328" width="4.33203125" style="43" customWidth="1"/>
    <col min="4329" max="4329" width="11.83203125" style="43" customWidth="1"/>
    <col min="4330" max="4330" width="4.33203125" style="43" customWidth="1"/>
    <col min="4331" max="4331" width="11.83203125" style="43" customWidth="1"/>
    <col min="4332" max="4332" width="4.33203125" style="43" customWidth="1"/>
    <col min="4333" max="4333" width="11.83203125" style="43" customWidth="1"/>
    <col min="4334" max="4334" width="4.33203125" style="43" customWidth="1"/>
    <col min="4335" max="4335" width="11.83203125" style="43" customWidth="1"/>
    <col min="4336" max="4336" width="4.33203125" style="43" customWidth="1"/>
    <col min="4337" max="4337" width="11.83203125" style="43" customWidth="1"/>
    <col min="4338" max="4338" width="4.33203125" style="43" customWidth="1"/>
    <col min="4339" max="4339" width="11.83203125" style="43" customWidth="1"/>
    <col min="4340" max="4340" width="4.33203125" style="43" customWidth="1"/>
    <col min="4341" max="4341" width="11.83203125" style="43" customWidth="1"/>
    <col min="4342" max="4342" width="4.33203125" style="43" customWidth="1"/>
    <col min="4343" max="4343" width="11.83203125" style="43" customWidth="1"/>
    <col min="4344" max="4344" width="4.33203125" style="43" customWidth="1"/>
    <col min="4345" max="4345" width="11.83203125" style="43" customWidth="1"/>
    <col min="4346" max="4346" width="4.33203125" style="43" customWidth="1"/>
    <col min="4347" max="4347" width="11.83203125" style="43" customWidth="1"/>
    <col min="4348" max="4348" width="4.33203125" style="43" customWidth="1"/>
    <col min="4349" max="4349" width="11.83203125" style="43" customWidth="1"/>
    <col min="4350" max="4350" width="4.33203125" style="43" customWidth="1"/>
    <col min="4351" max="4351" width="11.83203125" style="43" customWidth="1"/>
    <col min="4352" max="4352" width="4.33203125" style="43"/>
    <col min="4353" max="4353" width="11.83203125" style="43" customWidth="1"/>
    <col min="4354" max="4354" width="4.33203125" style="43" customWidth="1"/>
    <col min="4355" max="4355" width="11.83203125" style="43" customWidth="1"/>
    <col min="4356" max="4356" width="4.33203125" style="43" customWidth="1"/>
    <col min="4357" max="4357" width="11.83203125" style="43" customWidth="1"/>
    <col min="4358" max="4358" width="4.33203125" style="43" customWidth="1"/>
    <col min="4359" max="4359" width="11.83203125" style="43" customWidth="1"/>
    <col min="4360" max="4360" width="4.33203125" style="43" customWidth="1"/>
    <col min="4361" max="4361" width="11.83203125" style="43" customWidth="1"/>
    <col min="4362" max="4362" width="4.33203125" style="43" customWidth="1"/>
    <col min="4363" max="4363" width="11.83203125" style="43" customWidth="1"/>
    <col min="4364" max="4364" width="4.33203125" style="43" customWidth="1"/>
    <col min="4365" max="4365" width="11.83203125" style="43" customWidth="1"/>
    <col min="4366" max="4366" width="4.33203125" style="43" customWidth="1"/>
    <col min="4367" max="4367" width="11.83203125" style="43" customWidth="1"/>
    <col min="4368" max="4368" width="4.33203125" style="43" customWidth="1"/>
    <col min="4369" max="4369" width="11.83203125" style="43" customWidth="1"/>
    <col min="4370" max="4370" width="4.33203125" style="43" customWidth="1"/>
    <col min="4371" max="4371" width="11.83203125" style="43" customWidth="1"/>
    <col min="4372" max="4372" width="4.33203125" style="43" customWidth="1"/>
    <col min="4373" max="4373" width="11.83203125" style="43" customWidth="1"/>
    <col min="4374" max="4374" width="4.33203125" style="43" customWidth="1"/>
    <col min="4375" max="4375" width="11.83203125" style="43" customWidth="1"/>
    <col min="4376" max="4376" width="4.33203125" style="43" customWidth="1"/>
    <col min="4377" max="4377" width="11.83203125" style="43" customWidth="1"/>
    <col min="4378" max="4378" width="4.33203125" style="43" customWidth="1"/>
    <col min="4379" max="4379" width="11.83203125" style="43" customWidth="1"/>
    <col min="4380" max="4380" width="4.33203125" style="43" customWidth="1"/>
    <col min="4381" max="4381" width="11.83203125" style="43" customWidth="1"/>
    <col min="4382" max="4382" width="4.33203125" style="43" customWidth="1"/>
    <col min="4383" max="4383" width="11.83203125" style="43" customWidth="1"/>
    <col min="4384" max="4384" width="4.33203125" style="43" customWidth="1"/>
    <col min="4385" max="4385" width="11.83203125" style="43" customWidth="1"/>
    <col min="4386" max="4386" width="4.33203125" style="43" customWidth="1"/>
    <col min="4387" max="4387" width="11.83203125" style="43" customWidth="1"/>
    <col min="4388" max="4388" width="4.33203125" style="43" customWidth="1"/>
    <col min="4389" max="4389" width="11.83203125" style="43" customWidth="1"/>
    <col min="4390" max="4390" width="4.33203125" style="43" customWidth="1"/>
    <col min="4391" max="4391" width="11.83203125" style="43" customWidth="1"/>
    <col min="4392" max="4392" width="4.33203125" style="43" customWidth="1"/>
    <col min="4393" max="4393" width="11.83203125" style="43" customWidth="1"/>
    <col min="4394" max="4394" width="4.33203125" style="43" customWidth="1"/>
    <col min="4395" max="4395" width="11.83203125" style="43" customWidth="1"/>
    <col min="4396" max="4396" width="4.33203125" style="43" customWidth="1"/>
    <col min="4397" max="4397" width="11.83203125" style="43" customWidth="1"/>
    <col min="4398" max="4398" width="4.33203125" style="43" customWidth="1"/>
    <col min="4399" max="4399" width="11.83203125" style="43" customWidth="1"/>
    <col min="4400" max="4400" width="4.33203125" style="43" customWidth="1"/>
    <col min="4401" max="4401" width="11.83203125" style="43" customWidth="1"/>
    <col min="4402" max="4402" width="4.33203125" style="43" customWidth="1"/>
    <col min="4403" max="4403" width="11.83203125" style="43" customWidth="1"/>
    <col min="4404" max="4404" width="4.33203125" style="43" customWidth="1"/>
    <col min="4405" max="4405" width="11.83203125" style="43" customWidth="1"/>
    <col min="4406" max="4406" width="4.33203125" style="43" customWidth="1"/>
    <col min="4407" max="4407" width="11.83203125" style="43" customWidth="1"/>
    <col min="4408" max="4408" width="4.33203125" style="43" customWidth="1"/>
    <col min="4409" max="4409" width="11.83203125" style="43" customWidth="1"/>
    <col min="4410" max="4410" width="4.33203125" style="43" customWidth="1"/>
    <col min="4411" max="4411" width="11.83203125" style="43" customWidth="1"/>
    <col min="4412" max="4412" width="4.33203125" style="43" customWidth="1"/>
    <col min="4413" max="4413" width="11.83203125" style="43" customWidth="1"/>
    <col min="4414" max="4414" width="4.33203125" style="43" customWidth="1"/>
    <col min="4415" max="4415" width="11.83203125" style="43" customWidth="1"/>
    <col min="4416" max="4416" width="4.33203125" style="43" customWidth="1"/>
    <col min="4417" max="4417" width="11.83203125" style="43" customWidth="1"/>
    <col min="4418" max="4418" width="4.33203125" style="43" customWidth="1"/>
    <col min="4419" max="4419" width="11.83203125" style="43" customWidth="1"/>
    <col min="4420" max="4420" width="4.33203125" style="43" customWidth="1"/>
    <col min="4421" max="4421" width="11.83203125" style="43" customWidth="1"/>
    <col min="4422" max="4422" width="4.33203125" style="43" customWidth="1"/>
    <col min="4423" max="4423" width="11.83203125" style="43" customWidth="1"/>
    <col min="4424" max="4424" width="4.33203125" style="43" customWidth="1"/>
    <col min="4425" max="4425" width="11.83203125" style="43" customWidth="1"/>
    <col min="4426" max="4516" width="5.33203125" style="43" customWidth="1"/>
    <col min="4517" max="4522" width="1.33203125" style="43" customWidth="1"/>
    <col min="4523" max="4523" width="8.08203125" style="43" customWidth="1"/>
    <col min="4524" max="4524" width="4.33203125" style="43" customWidth="1"/>
    <col min="4525" max="4525" width="11.83203125" style="43" customWidth="1"/>
    <col min="4526" max="4526" width="4.33203125" style="43" customWidth="1"/>
    <col min="4527" max="4527" width="11.83203125" style="43" customWidth="1"/>
    <col min="4528" max="4528" width="4.33203125" style="43" customWidth="1"/>
    <col min="4529" max="4529" width="11.83203125" style="43" customWidth="1"/>
    <col min="4530" max="4530" width="4.33203125" style="43" customWidth="1"/>
    <col min="4531" max="4531" width="11.83203125" style="43" customWidth="1"/>
    <col min="4532" max="4532" width="4.33203125" style="43" customWidth="1"/>
    <col min="4533" max="4533" width="11.83203125" style="43" customWidth="1"/>
    <col min="4534" max="4534" width="4.33203125" style="43" customWidth="1"/>
    <col min="4535" max="4535" width="11.83203125" style="43" customWidth="1"/>
    <col min="4536" max="4536" width="4.33203125" style="43" customWidth="1"/>
    <col min="4537" max="4537" width="11.83203125" style="43" customWidth="1"/>
    <col min="4538" max="4538" width="4.33203125" style="43" customWidth="1"/>
    <col min="4539" max="4539" width="11.83203125" style="43" customWidth="1"/>
    <col min="4540" max="4540" width="4.33203125" style="43" customWidth="1"/>
    <col min="4541" max="4541" width="11.83203125" style="43" customWidth="1"/>
    <col min="4542" max="4542" width="4.33203125" style="43" customWidth="1"/>
    <col min="4543" max="4543" width="11.83203125" style="43" customWidth="1"/>
    <col min="4544" max="4544" width="4.33203125" style="43" customWidth="1"/>
    <col min="4545" max="4545" width="11.83203125" style="43" customWidth="1"/>
    <col min="4546" max="4546" width="4.33203125" style="43" customWidth="1"/>
    <col min="4547" max="4547" width="11.83203125" style="43" customWidth="1"/>
    <col min="4548" max="4548" width="4.33203125" style="43" customWidth="1"/>
    <col min="4549" max="4549" width="11.83203125" style="43" customWidth="1"/>
    <col min="4550" max="4550" width="4.33203125" style="43" customWidth="1"/>
    <col min="4551" max="4551" width="11.83203125" style="43" customWidth="1"/>
    <col min="4552" max="4552" width="4.33203125" style="43" customWidth="1"/>
    <col min="4553" max="4553" width="11.83203125" style="43" customWidth="1"/>
    <col min="4554" max="4554" width="4.33203125" style="43" customWidth="1"/>
    <col min="4555" max="4555" width="11.83203125" style="43" customWidth="1"/>
    <col min="4556" max="4556" width="4.33203125" style="43" customWidth="1"/>
    <col min="4557" max="4557" width="11.83203125" style="43" customWidth="1"/>
    <col min="4558" max="4558" width="4.33203125" style="43" customWidth="1"/>
    <col min="4559" max="4560" width="4.33203125" style="43"/>
    <col min="4561" max="4564" width="1.33203125" style="43" customWidth="1"/>
    <col min="4565" max="4565" width="8.08203125" style="43" customWidth="1"/>
    <col min="4566" max="4566" width="4.33203125" style="43" customWidth="1"/>
    <col min="4567" max="4567" width="11.83203125" style="43" customWidth="1"/>
    <col min="4568" max="4568" width="4.33203125" style="43" customWidth="1"/>
    <col min="4569" max="4569" width="11.83203125" style="43" customWidth="1"/>
    <col min="4570" max="4570" width="4.33203125" style="43" customWidth="1"/>
    <col min="4571" max="4571" width="11.83203125" style="43" customWidth="1"/>
    <col min="4572" max="4572" width="4.33203125" style="43" customWidth="1"/>
    <col min="4573" max="4573" width="11.83203125" style="43" customWidth="1"/>
    <col min="4574" max="4574" width="4.33203125" style="43" customWidth="1"/>
    <col min="4575" max="4575" width="11.83203125" style="43" customWidth="1"/>
    <col min="4576" max="4576" width="4.33203125" style="43" customWidth="1"/>
    <col min="4577" max="4577" width="11.83203125" style="43" customWidth="1"/>
    <col min="4578" max="4578" width="4.33203125" style="43" customWidth="1"/>
    <col min="4579" max="4579" width="11.83203125" style="43" customWidth="1"/>
    <col min="4580" max="4580" width="4.33203125" style="43" customWidth="1"/>
    <col min="4581" max="4581" width="11.83203125" style="43" customWidth="1"/>
    <col min="4582" max="4582" width="4.33203125" style="43" customWidth="1"/>
    <col min="4583" max="4583" width="11.83203125" style="43" customWidth="1"/>
    <col min="4584" max="4584" width="4.33203125" style="43" customWidth="1"/>
    <col min="4585" max="4585" width="11.83203125" style="43" customWidth="1"/>
    <col min="4586" max="4586" width="4.33203125" style="43" customWidth="1"/>
    <col min="4587" max="4587" width="11.83203125" style="43" customWidth="1"/>
    <col min="4588" max="4588" width="4.33203125" style="43" customWidth="1"/>
    <col min="4589" max="4589" width="11.83203125" style="43" customWidth="1"/>
    <col min="4590" max="4590" width="4.33203125" style="43" customWidth="1"/>
    <col min="4591" max="4591" width="11.83203125" style="43" customWidth="1"/>
    <col min="4592" max="4592" width="4.33203125" style="43" customWidth="1"/>
    <col min="4593" max="4593" width="11.83203125" style="43" customWidth="1"/>
    <col min="4594" max="4594" width="4.33203125" style="43" customWidth="1"/>
    <col min="4595" max="4595" width="11.83203125" style="43" customWidth="1"/>
    <col min="4596" max="4596" width="4.33203125" style="43" customWidth="1"/>
    <col min="4597" max="4597" width="11.83203125" style="43" customWidth="1"/>
    <col min="4598" max="4598" width="4.33203125" style="43" customWidth="1"/>
    <col min="4599" max="4599" width="11.83203125" style="43" customWidth="1"/>
    <col min="4600" max="4600" width="4.33203125" style="43" customWidth="1"/>
    <col min="4601" max="4601" width="11.83203125" style="43" customWidth="1"/>
    <col min="4602" max="4602" width="4.33203125" style="43" customWidth="1"/>
    <col min="4603" max="4603" width="11.83203125" style="43" customWidth="1"/>
    <col min="4604" max="4604" width="4.33203125" style="43" customWidth="1"/>
    <col min="4605" max="4605" width="11.83203125" style="43" customWidth="1"/>
    <col min="4606" max="4606" width="4.33203125" style="43" customWidth="1"/>
    <col min="4607" max="4607" width="11.83203125" style="43" customWidth="1"/>
    <col min="4608" max="4608" width="4.33203125" style="43"/>
    <col min="4609" max="4609" width="11.83203125" style="43" customWidth="1"/>
    <col min="4610" max="4610" width="4.33203125" style="43" customWidth="1"/>
    <col min="4611" max="4611" width="11.83203125" style="43" customWidth="1"/>
    <col min="4612" max="4612" width="4.33203125" style="43" customWidth="1"/>
    <col min="4613" max="4613" width="11.83203125" style="43" customWidth="1"/>
    <col min="4614" max="4614" width="4.33203125" style="43" customWidth="1"/>
    <col min="4615" max="4615" width="11.83203125" style="43" customWidth="1"/>
    <col min="4616" max="4616" width="4.33203125" style="43" customWidth="1"/>
    <col min="4617" max="4617" width="11.83203125" style="43" customWidth="1"/>
    <col min="4618" max="4618" width="4.33203125" style="43" customWidth="1"/>
    <col min="4619" max="4619" width="11.83203125" style="43" customWidth="1"/>
    <col min="4620" max="4620" width="4.33203125" style="43" customWidth="1"/>
    <col min="4621" max="4621" width="11.83203125" style="43" customWidth="1"/>
    <col min="4622" max="4622" width="4.33203125" style="43" customWidth="1"/>
    <col min="4623" max="4623" width="11.83203125" style="43" customWidth="1"/>
    <col min="4624" max="4624" width="4.33203125" style="43" customWidth="1"/>
    <col min="4625" max="4625" width="11.83203125" style="43" customWidth="1"/>
    <col min="4626" max="4626" width="4.33203125" style="43" customWidth="1"/>
    <col min="4627" max="4627" width="11.83203125" style="43" customWidth="1"/>
    <col min="4628" max="4628" width="4.33203125" style="43" customWidth="1"/>
    <col min="4629" max="4629" width="11.83203125" style="43" customWidth="1"/>
    <col min="4630" max="4630" width="4.33203125" style="43" customWidth="1"/>
    <col min="4631" max="4631" width="11.83203125" style="43" customWidth="1"/>
    <col min="4632" max="4632" width="4.33203125" style="43" customWidth="1"/>
    <col min="4633" max="4633" width="11.83203125" style="43" customWidth="1"/>
    <col min="4634" max="4634" width="4.33203125" style="43" customWidth="1"/>
    <col min="4635" max="4635" width="11.83203125" style="43" customWidth="1"/>
    <col min="4636" max="4636" width="4.33203125" style="43" customWidth="1"/>
    <col min="4637" max="4637" width="11.83203125" style="43" customWidth="1"/>
    <col min="4638" max="4638" width="4.33203125" style="43" customWidth="1"/>
    <col min="4639" max="4639" width="11.83203125" style="43" customWidth="1"/>
    <col min="4640" max="4640" width="4.33203125" style="43" customWidth="1"/>
    <col min="4641" max="4641" width="11.83203125" style="43" customWidth="1"/>
    <col min="4642" max="4642" width="4.33203125" style="43" customWidth="1"/>
    <col min="4643" max="4643" width="11.83203125" style="43" customWidth="1"/>
    <col min="4644" max="4644" width="4.33203125" style="43" customWidth="1"/>
    <col min="4645" max="4645" width="11.83203125" style="43" customWidth="1"/>
    <col min="4646" max="4646" width="4.33203125" style="43" customWidth="1"/>
    <col min="4647" max="4647" width="11.83203125" style="43" customWidth="1"/>
    <col min="4648" max="4648" width="4.33203125" style="43" customWidth="1"/>
    <col min="4649" max="4649" width="11.83203125" style="43" customWidth="1"/>
    <col min="4650" max="4650" width="4.33203125" style="43" customWidth="1"/>
    <col min="4651" max="4651" width="11.83203125" style="43" customWidth="1"/>
    <col min="4652" max="4652" width="4.33203125" style="43" customWidth="1"/>
    <col min="4653" max="4653" width="11.83203125" style="43" customWidth="1"/>
    <col min="4654" max="4654" width="4.33203125" style="43" customWidth="1"/>
    <col min="4655" max="4655" width="11.83203125" style="43" customWidth="1"/>
    <col min="4656" max="4656" width="4.33203125" style="43" customWidth="1"/>
    <col min="4657" max="4657" width="11.83203125" style="43" customWidth="1"/>
    <col min="4658" max="4658" width="4.33203125" style="43" customWidth="1"/>
    <col min="4659" max="4659" width="11.83203125" style="43" customWidth="1"/>
    <col min="4660" max="4660" width="4.33203125" style="43" customWidth="1"/>
    <col min="4661" max="4661" width="11.83203125" style="43" customWidth="1"/>
    <col min="4662" max="4662" width="4.33203125" style="43" customWidth="1"/>
    <col min="4663" max="4663" width="11.83203125" style="43" customWidth="1"/>
    <col min="4664" max="4664" width="4.33203125" style="43" customWidth="1"/>
    <col min="4665" max="4665" width="11.83203125" style="43" customWidth="1"/>
    <col min="4666" max="4666" width="4.33203125" style="43" customWidth="1"/>
    <col min="4667" max="4667" width="11.83203125" style="43" customWidth="1"/>
    <col min="4668" max="4668" width="4.33203125" style="43" customWidth="1"/>
    <col min="4669" max="4669" width="11.83203125" style="43" customWidth="1"/>
    <col min="4670" max="4670" width="4.33203125" style="43" customWidth="1"/>
    <col min="4671" max="4671" width="11.83203125" style="43" customWidth="1"/>
    <col min="4672" max="4672" width="4.33203125" style="43" customWidth="1"/>
    <col min="4673" max="4673" width="11.83203125" style="43" customWidth="1"/>
    <col min="4674" max="4674" width="4.33203125" style="43" customWidth="1"/>
    <col min="4675" max="4675" width="11.83203125" style="43" customWidth="1"/>
    <col min="4676" max="4676" width="4.33203125" style="43" customWidth="1"/>
    <col min="4677" max="4677" width="11.83203125" style="43" customWidth="1"/>
    <col min="4678" max="4678" width="4.33203125" style="43" customWidth="1"/>
    <col min="4679" max="4679" width="11.83203125" style="43" customWidth="1"/>
    <col min="4680" max="4680" width="4.33203125" style="43" customWidth="1"/>
    <col min="4681" max="4681" width="11.83203125" style="43" customWidth="1"/>
    <col min="4682" max="4772" width="5.33203125" style="43" customWidth="1"/>
    <col min="4773" max="4778" width="1.33203125" style="43" customWidth="1"/>
    <col min="4779" max="4779" width="8.08203125" style="43" customWidth="1"/>
    <col min="4780" max="4780" width="4.33203125" style="43" customWidth="1"/>
    <col min="4781" max="4781" width="11.83203125" style="43" customWidth="1"/>
    <col min="4782" max="4782" width="4.33203125" style="43" customWidth="1"/>
    <col min="4783" max="4783" width="11.83203125" style="43" customWidth="1"/>
    <col min="4784" max="4784" width="4.33203125" style="43" customWidth="1"/>
    <col min="4785" max="4785" width="11.83203125" style="43" customWidth="1"/>
    <col min="4786" max="4786" width="4.33203125" style="43" customWidth="1"/>
    <col min="4787" max="4787" width="11.83203125" style="43" customWidth="1"/>
    <col min="4788" max="4788" width="4.33203125" style="43" customWidth="1"/>
    <col min="4789" max="4789" width="11.83203125" style="43" customWidth="1"/>
    <col min="4790" max="4790" width="4.33203125" style="43" customWidth="1"/>
    <col min="4791" max="4791" width="11.83203125" style="43" customWidth="1"/>
    <col min="4792" max="4792" width="4.33203125" style="43" customWidth="1"/>
    <col min="4793" max="4793" width="11.83203125" style="43" customWidth="1"/>
    <col min="4794" max="4794" width="4.33203125" style="43" customWidth="1"/>
    <col min="4795" max="4795" width="11.83203125" style="43" customWidth="1"/>
    <col min="4796" max="4796" width="4.33203125" style="43" customWidth="1"/>
    <col min="4797" max="4797" width="11.83203125" style="43" customWidth="1"/>
    <col min="4798" max="4798" width="4.33203125" style="43" customWidth="1"/>
    <col min="4799" max="4799" width="11.83203125" style="43" customWidth="1"/>
    <col min="4800" max="4800" width="4.33203125" style="43" customWidth="1"/>
    <col min="4801" max="4801" width="11.83203125" style="43" customWidth="1"/>
    <col min="4802" max="4802" width="4.33203125" style="43" customWidth="1"/>
    <col min="4803" max="4803" width="11.83203125" style="43" customWidth="1"/>
    <col min="4804" max="4804" width="4.33203125" style="43" customWidth="1"/>
    <col min="4805" max="4805" width="11.83203125" style="43" customWidth="1"/>
    <col min="4806" max="4806" width="4.33203125" style="43" customWidth="1"/>
    <col min="4807" max="4807" width="11.83203125" style="43" customWidth="1"/>
    <col min="4808" max="4808" width="4.33203125" style="43" customWidth="1"/>
    <col min="4809" max="4809" width="11.83203125" style="43" customWidth="1"/>
    <col min="4810" max="4810" width="4.33203125" style="43" customWidth="1"/>
    <col min="4811" max="4811" width="11.83203125" style="43" customWidth="1"/>
    <col min="4812" max="4812" width="4.33203125" style="43" customWidth="1"/>
    <col min="4813" max="4813" width="11.83203125" style="43" customWidth="1"/>
    <col min="4814" max="4814" width="4.33203125" style="43" customWidth="1"/>
    <col min="4815" max="4816" width="4.33203125" style="43"/>
    <col min="4817" max="4820" width="1.33203125" style="43" customWidth="1"/>
    <col min="4821" max="4821" width="8.08203125" style="43" customWidth="1"/>
    <col min="4822" max="4822" width="4.33203125" style="43" customWidth="1"/>
    <col min="4823" max="4823" width="11.83203125" style="43" customWidth="1"/>
    <col min="4824" max="4824" width="4.33203125" style="43" customWidth="1"/>
    <col min="4825" max="4825" width="11.83203125" style="43" customWidth="1"/>
    <col min="4826" max="4826" width="4.33203125" style="43" customWidth="1"/>
    <col min="4827" max="4827" width="11.83203125" style="43" customWidth="1"/>
    <col min="4828" max="4828" width="4.33203125" style="43" customWidth="1"/>
    <col min="4829" max="4829" width="11.83203125" style="43" customWidth="1"/>
    <col min="4830" max="4830" width="4.33203125" style="43" customWidth="1"/>
    <col min="4831" max="4831" width="11.83203125" style="43" customWidth="1"/>
    <col min="4832" max="4832" width="4.33203125" style="43" customWidth="1"/>
    <col min="4833" max="4833" width="11.83203125" style="43" customWidth="1"/>
    <col min="4834" max="4834" width="4.33203125" style="43" customWidth="1"/>
    <col min="4835" max="4835" width="11.83203125" style="43" customWidth="1"/>
    <col min="4836" max="4836" width="4.33203125" style="43" customWidth="1"/>
    <col min="4837" max="4837" width="11.83203125" style="43" customWidth="1"/>
    <col min="4838" max="4838" width="4.33203125" style="43" customWidth="1"/>
    <col min="4839" max="4839" width="11.83203125" style="43" customWidth="1"/>
    <col min="4840" max="4840" width="4.33203125" style="43" customWidth="1"/>
    <col min="4841" max="4841" width="11.83203125" style="43" customWidth="1"/>
    <col min="4842" max="4842" width="4.33203125" style="43" customWidth="1"/>
    <col min="4843" max="4843" width="11.83203125" style="43" customWidth="1"/>
    <col min="4844" max="4844" width="4.33203125" style="43" customWidth="1"/>
    <col min="4845" max="4845" width="11.83203125" style="43" customWidth="1"/>
    <col min="4846" max="4846" width="4.33203125" style="43" customWidth="1"/>
    <col min="4847" max="4847" width="11.83203125" style="43" customWidth="1"/>
    <col min="4848" max="4848" width="4.33203125" style="43" customWidth="1"/>
    <col min="4849" max="4849" width="11.83203125" style="43" customWidth="1"/>
    <col min="4850" max="4850" width="4.33203125" style="43" customWidth="1"/>
    <col min="4851" max="4851" width="11.83203125" style="43" customWidth="1"/>
    <col min="4852" max="4852" width="4.33203125" style="43" customWidth="1"/>
    <col min="4853" max="4853" width="11.83203125" style="43" customWidth="1"/>
    <col min="4854" max="4854" width="4.33203125" style="43" customWidth="1"/>
    <col min="4855" max="4855" width="11.83203125" style="43" customWidth="1"/>
    <col min="4856" max="4856" width="4.33203125" style="43" customWidth="1"/>
    <col min="4857" max="4857" width="11.83203125" style="43" customWidth="1"/>
    <col min="4858" max="4858" width="4.33203125" style="43" customWidth="1"/>
    <col min="4859" max="4859" width="11.83203125" style="43" customWidth="1"/>
    <col min="4860" max="4860" width="4.33203125" style="43" customWidth="1"/>
    <col min="4861" max="4861" width="11.83203125" style="43" customWidth="1"/>
    <col min="4862" max="4862" width="4.33203125" style="43" customWidth="1"/>
    <col min="4863" max="4863" width="11.83203125" style="43" customWidth="1"/>
    <col min="4864" max="4864" width="4.33203125" style="43"/>
    <col min="4865" max="4865" width="11.83203125" style="43" customWidth="1"/>
    <col min="4866" max="4866" width="4.33203125" style="43" customWidth="1"/>
    <col min="4867" max="4867" width="11.83203125" style="43" customWidth="1"/>
    <col min="4868" max="4868" width="4.33203125" style="43" customWidth="1"/>
    <col min="4869" max="4869" width="11.83203125" style="43" customWidth="1"/>
    <col min="4870" max="4870" width="4.33203125" style="43" customWidth="1"/>
    <col min="4871" max="4871" width="11.83203125" style="43" customWidth="1"/>
    <col min="4872" max="4872" width="4.33203125" style="43" customWidth="1"/>
    <col min="4873" max="4873" width="11.83203125" style="43" customWidth="1"/>
    <col min="4874" max="4874" width="4.33203125" style="43" customWidth="1"/>
    <col min="4875" max="4875" width="11.83203125" style="43" customWidth="1"/>
    <col min="4876" max="4876" width="4.33203125" style="43" customWidth="1"/>
    <col min="4877" max="4877" width="11.83203125" style="43" customWidth="1"/>
    <col min="4878" max="4878" width="4.33203125" style="43" customWidth="1"/>
    <col min="4879" max="4879" width="11.83203125" style="43" customWidth="1"/>
    <col min="4880" max="4880" width="4.33203125" style="43" customWidth="1"/>
    <col min="4881" max="4881" width="11.83203125" style="43" customWidth="1"/>
    <col min="4882" max="4882" width="4.33203125" style="43" customWidth="1"/>
    <col min="4883" max="4883" width="11.83203125" style="43" customWidth="1"/>
    <col min="4884" max="4884" width="4.33203125" style="43" customWidth="1"/>
    <col min="4885" max="4885" width="11.83203125" style="43" customWidth="1"/>
    <col min="4886" max="4886" width="4.33203125" style="43" customWidth="1"/>
    <col min="4887" max="4887" width="11.83203125" style="43" customWidth="1"/>
    <col min="4888" max="4888" width="4.33203125" style="43" customWidth="1"/>
    <col min="4889" max="4889" width="11.83203125" style="43" customWidth="1"/>
    <col min="4890" max="4890" width="4.33203125" style="43" customWidth="1"/>
    <col min="4891" max="4891" width="11.83203125" style="43" customWidth="1"/>
    <col min="4892" max="4892" width="4.33203125" style="43" customWidth="1"/>
    <col min="4893" max="4893" width="11.83203125" style="43" customWidth="1"/>
    <col min="4894" max="4894" width="4.33203125" style="43" customWidth="1"/>
    <col min="4895" max="4895" width="11.83203125" style="43" customWidth="1"/>
    <col min="4896" max="4896" width="4.33203125" style="43" customWidth="1"/>
    <col min="4897" max="4897" width="11.83203125" style="43" customWidth="1"/>
    <col min="4898" max="4898" width="4.33203125" style="43" customWidth="1"/>
    <col min="4899" max="4899" width="11.83203125" style="43" customWidth="1"/>
    <col min="4900" max="4900" width="4.33203125" style="43" customWidth="1"/>
    <col min="4901" max="4901" width="11.83203125" style="43" customWidth="1"/>
    <col min="4902" max="4902" width="4.33203125" style="43" customWidth="1"/>
    <col min="4903" max="4903" width="11.83203125" style="43" customWidth="1"/>
    <col min="4904" max="4904" width="4.33203125" style="43" customWidth="1"/>
    <col min="4905" max="4905" width="11.83203125" style="43" customWidth="1"/>
    <col min="4906" max="4906" width="4.33203125" style="43" customWidth="1"/>
    <col min="4907" max="4907" width="11.83203125" style="43" customWidth="1"/>
    <col min="4908" max="4908" width="4.33203125" style="43" customWidth="1"/>
    <col min="4909" max="4909" width="11.83203125" style="43" customWidth="1"/>
    <col min="4910" max="4910" width="4.33203125" style="43" customWidth="1"/>
    <col min="4911" max="4911" width="11.83203125" style="43" customWidth="1"/>
    <col min="4912" max="4912" width="4.33203125" style="43" customWidth="1"/>
    <col min="4913" max="4913" width="11.83203125" style="43" customWidth="1"/>
    <col min="4914" max="4914" width="4.33203125" style="43" customWidth="1"/>
    <col min="4915" max="4915" width="11.83203125" style="43" customWidth="1"/>
    <col min="4916" max="4916" width="4.33203125" style="43" customWidth="1"/>
    <col min="4917" max="4917" width="11.83203125" style="43" customWidth="1"/>
    <col min="4918" max="4918" width="4.33203125" style="43" customWidth="1"/>
    <col min="4919" max="4919" width="11.83203125" style="43" customWidth="1"/>
    <col min="4920" max="4920" width="4.33203125" style="43" customWidth="1"/>
    <col min="4921" max="4921" width="11.83203125" style="43" customWidth="1"/>
    <col min="4922" max="4922" width="4.33203125" style="43" customWidth="1"/>
    <col min="4923" max="4923" width="11.83203125" style="43" customWidth="1"/>
    <col min="4924" max="4924" width="4.33203125" style="43" customWidth="1"/>
    <col min="4925" max="4925" width="11.83203125" style="43" customWidth="1"/>
    <col min="4926" max="4926" width="4.33203125" style="43" customWidth="1"/>
    <col min="4927" max="4927" width="11.83203125" style="43" customWidth="1"/>
    <col min="4928" max="4928" width="4.33203125" style="43" customWidth="1"/>
    <col min="4929" max="4929" width="11.83203125" style="43" customWidth="1"/>
    <col min="4930" max="4930" width="4.33203125" style="43" customWidth="1"/>
    <col min="4931" max="4931" width="11.83203125" style="43" customWidth="1"/>
    <col min="4932" max="4932" width="4.33203125" style="43" customWidth="1"/>
    <col min="4933" max="4933" width="11.83203125" style="43" customWidth="1"/>
    <col min="4934" max="4934" width="4.33203125" style="43" customWidth="1"/>
    <col min="4935" max="4935" width="11.83203125" style="43" customWidth="1"/>
    <col min="4936" max="4936" width="4.33203125" style="43" customWidth="1"/>
    <col min="4937" max="4937" width="11.83203125" style="43" customWidth="1"/>
    <col min="4938" max="5028" width="5.33203125" style="43" customWidth="1"/>
    <col min="5029" max="5034" width="1.33203125" style="43" customWidth="1"/>
    <col min="5035" max="5035" width="8.08203125" style="43" customWidth="1"/>
    <col min="5036" max="5036" width="4.33203125" style="43" customWidth="1"/>
    <col min="5037" max="5037" width="11.83203125" style="43" customWidth="1"/>
    <col min="5038" max="5038" width="4.33203125" style="43" customWidth="1"/>
    <col min="5039" max="5039" width="11.83203125" style="43" customWidth="1"/>
    <col min="5040" max="5040" width="4.33203125" style="43" customWidth="1"/>
    <col min="5041" max="5041" width="11.83203125" style="43" customWidth="1"/>
    <col min="5042" max="5042" width="4.33203125" style="43" customWidth="1"/>
    <col min="5043" max="5043" width="11.83203125" style="43" customWidth="1"/>
    <col min="5044" max="5044" width="4.33203125" style="43" customWidth="1"/>
    <col min="5045" max="5045" width="11.83203125" style="43" customWidth="1"/>
    <col min="5046" max="5046" width="4.33203125" style="43" customWidth="1"/>
    <col min="5047" max="5047" width="11.83203125" style="43" customWidth="1"/>
    <col min="5048" max="5048" width="4.33203125" style="43" customWidth="1"/>
    <col min="5049" max="5049" width="11.83203125" style="43" customWidth="1"/>
    <col min="5050" max="5050" width="4.33203125" style="43" customWidth="1"/>
    <col min="5051" max="5051" width="11.83203125" style="43" customWidth="1"/>
    <col min="5052" max="5052" width="4.33203125" style="43" customWidth="1"/>
    <col min="5053" max="5053" width="11.83203125" style="43" customWidth="1"/>
    <col min="5054" max="5054" width="4.33203125" style="43" customWidth="1"/>
    <col min="5055" max="5055" width="11.83203125" style="43" customWidth="1"/>
    <col min="5056" max="5056" width="4.33203125" style="43" customWidth="1"/>
    <col min="5057" max="5057" width="11.83203125" style="43" customWidth="1"/>
    <col min="5058" max="5058" width="4.33203125" style="43" customWidth="1"/>
    <col min="5059" max="5059" width="11.83203125" style="43" customWidth="1"/>
    <col min="5060" max="5060" width="4.33203125" style="43" customWidth="1"/>
    <col min="5061" max="5061" width="11.83203125" style="43" customWidth="1"/>
    <col min="5062" max="5062" width="4.33203125" style="43" customWidth="1"/>
    <col min="5063" max="5063" width="11.83203125" style="43" customWidth="1"/>
    <col min="5064" max="5064" width="4.33203125" style="43" customWidth="1"/>
    <col min="5065" max="5065" width="11.83203125" style="43" customWidth="1"/>
    <col min="5066" max="5066" width="4.33203125" style="43" customWidth="1"/>
    <col min="5067" max="5067" width="11.83203125" style="43" customWidth="1"/>
    <col min="5068" max="5068" width="4.33203125" style="43" customWidth="1"/>
    <col min="5069" max="5069" width="11.83203125" style="43" customWidth="1"/>
    <col min="5070" max="5070" width="4.33203125" style="43" customWidth="1"/>
    <col min="5071" max="5072" width="4.33203125" style="43"/>
    <col min="5073" max="5076" width="1.33203125" style="43" customWidth="1"/>
    <col min="5077" max="5077" width="8.08203125" style="43" customWidth="1"/>
    <col min="5078" max="5078" width="4.33203125" style="43" customWidth="1"/>
    <col min="5079" max="5079" width="11.83203125" style="43" customWidth="1"/>
    <col min="5080" max="5080" width="4.33203125" style="43" customWidth="1"/>
    <col min="5081" max="5081" width="11.83203125" style="43" customWidth="1"/>
    <col min="5082" max="5082" width="4.33203125" style="43" customWidth="1"/>
    <col min="5083" max="5083" width="11.83203125" style="43" customWidth="1"/>
    <col min="5084" max="5084" width="4.33203125" style="43" customWidth="1"/>
    <col min="5085" max="5085" width="11.83203125" style="43" customWidth="1"/>
    <col min="5086" max="5086" width="4.33203125" style="43" customWidth="1"/>
    <col min="5087" max="5087" width="11.83203125" style="43" customWidth="1"/>
    <col min="5088" max="5088" width="4.33203125" style="43" customWidth="1"/>
    <col min="5089" max="5089" width="11.83203125" style="43" customWidth="1"/>
    <col min="5090" max="5090" width="4.33203125" style="43" customWidth="1"/>
    <col min="5091" max="5091" width="11.83203125" style="43" customWidth="1"/>
    <col min="5092" max="5092" width="4.33203125" style="43" customWidth="1"/>
    <col min="5093" max="5093" width="11.83203125" style="43" customWidth="1"/>
    <col min="5094" max="5094" width="4.33203125" style="43" customWidth="1"/>
    <col min="5095" max="5095" width="11.83203125" style="43" customWidth="1"/>
    <col min="5096" max="5096" width="4.33203125" style="43" customWidth="1"/>
    <col min="5097" max="5097" width="11.83203125" style="43" customWidth="1"/>
    <col min="5098" max="5098" width="4.33203125" style="43" customWidth="1"/>
    <col min="5099" max="5099" width="11.83203125" style="43" customWidth="1"/>
    <col min="5100" max="5100" width="4.33203125" style="43" customWidth="1"/>
    <col min="5101" max="5101" width="11.83203125" style="43" customWidth="1"/>
    <col min="5102" max="5102" width="4.33203125" style="43" customWidth="1"/>
    <col min="5103" max="5103" width="11.83203125" style="43" customWidth="1"/>
    <col min="5104" max="5104" width="4.33203125" style="43" customWidth="1"/>
    <col min="5105" max="5105" width="11.83203125" style="43" customWidth="1"/>
    <col min="5106" max="5106" width="4.33203125" style="43" customWidth="1"/>
    <col min="5107" max="5107" width="11.83203125" style="43" customWidth="1"/>
    <col min="5108" max="5108" width="4.33203125" style="43" customWidth="1"/>
    <col min="5109" max="5109" width="11.83203125" style="43" customWidth="1"/>
    <col min="5110" max="5110" width="4.33203125" style="43" customWidth="1"/>
    <col min="5111" max="5111" width="11.83203125" style="43" customWidth="1"/>
    <col min="5112" max="5112" width="4.33203125" style="43" customWidth="1"/>
    <col min="5113" max="5113" width="11.83203125" style="43" customWidth="1"/>
    <col min="5114" max="5114" width="4.33203125" style="43" customWidth="1"/>
    <col min="5115" max="5115" width="11.83203125" style="43" customWidth="1"/>
    <col min="5116" max="5116" width="4.33203125" style="43" customWidth="1"/>
    <col min="5117" max="5117" width="11.83203125" style="43" customWidth="1"/>
    <col min="5118" max="5118" width="4.33203125" style="43" customWidth="1"/>
    <col min="5119" max="5119" width="11.83203125" style="43" customWidth="1"/>
    <col min="5120" max="5120" width="4.33203125" style="43"/>
    <col min="5121" max="5121" width="11.83203125" style="43" customWidth="1"/>
    <col min="5122" max="5122" width="4.33203125" style="43" customWidth="1"/>
    <col min="5123" max="5123" width="11.83203125" style="43" customWidth="1"/>
    <col min="5124" max="5124" width="4.33203125" style="43" customWidth="1"/>
    <col min="5125" max="5125" width="11.83203125" style="43" customWidth="1"/>
    <col min="5126" max="5126" width="4.33203125" style="43" customWidth="1"/>
    <col min="5127" max="5127" width="11.83203125" style="43" customWidth="1"/>
    <col min="5128" max="5128" width="4.33203125" style="43" customWidth="1"/>
    <col min="5129" max="5129" width="11.83203125" style="43" customWidth="1"/>
    <col min="5130" max="5130" width="4.33203125" style="43" customWidth="1"/>
    <col min="5131" max="5131" width="11.83203125" style="43" customWidth="1"/>
    <col min="5132" max="5132" width="4.33203125" style="43" customWidth="1"/>
    <col min="5133" max="5133" width="11.83203125" style="43" customWidth="1"/>
    <col min="5134" max="5134" width="4.33203125" style="43" customWidth="1"/>
    <col min="5135" max="5135" width="11.83203125" style="43" customWidth="1"/>
    <col min="5136" max="5136" width="4.33203125" style="43" customWidth="1"/>
    <col min="5137" max="5137" width="11.83203125" style="43" customWidth="1"/>
    <col min="5138" max="5138" width="4.33203125" style="43" customWidth="1"/>
    <col min="5139" max="5139" width="11.83203125" style="43" customWidth="1"/>
    <col min="5140" max="5140" width="4.33203125" style="43" customWidth="1"/>
    <col min="5141" max="5141" width="11.83203125" style="43" customWidth="1"/>
    <col min="5142" max="5142" width="4.33203125" style="43" customWidth="1"/>
    <col min="5143" max="5143" width="11.83203125" style="43" customWidth="1"/>
    <col min="5144" max="5144" width="4.33203125" style="43" customWidth="1"/>
    <col min="5145" max="5145" width="11.83203125" style="43" customWidth="1"/>
    <col min="5146" max="5146" width="4.33203125" style="43" customWidth="1"/>
    <col min="5147" max="5147" width="11.83203125" style="43" customWidth="1"/>
    <col min="5148" max="5148" width="4.33203125" style="43" customWidth="1"/>
    <col min="5149" max="5149" width="11.83203125" style="43" customWidth="1"/>
    <col min="5150" max="5150" width="4.33203125" style="43" customWidth="1"/>
    <col min="5151" max="5151" width="11.83203125" style="43" customWidth="1"/>
    <col min="5152" max="5152" width="4.33203125" style="43" customWidth="1"/>
    <col min="5153" max="5153" width="11.83203125" style="43" customWidth="1"/>
    <col min="5154" max="5154" width="4.33203125" style="43" customWidth="1"/>
    <col min="5155" max="5155" width="11.83203125" style="43" customWidth="1"/>
    <col min="5156" max="5156" width="4.33203125" style="43" customWidth="1"/>
    <col min="5157" max="5157" width="11.83203125" style="43" customWidth="1"/>
    <col min="5158" max="5158" width="4.33203125" style="43" customWidth="1"/>
    <col min="5159" max="5159" width="11.83203125" style="43" customWidth="1"/>
    <col min="5160" max="5160" width="4.33203125" style="43" customWidth="1"/>
    <col min="5161" max="5161" width="11.83203125" style="43" customWidth="1"/>
    <col min="5162" max="5162" width="4.33203125" style="43" customWidth="1"/>
    <col min="5163" max="5163" width="11.83203125" style="43" customWidth="1"/>
    <col min="5164" max="5164" width="4.33203125" style="43" customWidth="1"/>
    <col min="5165" max="5165" width="11.83203125" style="43" customWidth="1"/>
    <col min="5166" max="5166" width="4.33203125" style="43" customWidth="1"/>
    <col min="5167" max="5167" width="11.83203125" style="43" customWidth="1"/>
    <col min="5168" max="5168" width="4.33203125" style="43" customWidth="1"/>
    <col min="5169" max="5169" width="11.83203125" style="43" customWidth="1"/>
    <col min="5170" max="5170" width="4.33203125" style="43" customWidth="1"/>
    <col min="5171" max="5171" width="11.83203125" style="43" customWidth="1"/>
    <col min="5172" max="5172" width="4.33203125" style="43" customWidth="1"/>
    <col min="5173" max="5173" width="11.83203125" style="43" customWidth="1"/>
    <col min="5174" max="5174" width="4.33203125" style="43" customWidth="1"/>
    <col min="5175" max="5175" width="11.83203125" style="43" customWidth="1"/>
    <col min="5176" max="5176" width="4.33203125" style="43" customWidth="1"/>
    <col min="5177" max="5177" width="11.83203125" style="43" customWidth="1"/>
    <col min="5178" max="5178" width="4.33203125" style="43" customWidth="1"/>
    <col min="5179" max="5179" width="11.83203125" style="43" customWidth="1"/>
    <col min="5180" max="5180" width="4.33203125" style="43" customWidth="1"/>
    <col min="5181" max="5181" width="11.83203125" style="43" customWidth="1"/>
    <col min="5182" max="5182" width="4.33203125" style="43" customWidth="1"/>
    <col min="5183" max="5183" width="11.83203125" style="43" customWidth="1"/>
    <col min="5184" max="5184" width="4.33203125" style="43" customWidth="1"/>
    <col min="5185" max="5185" width="11.83203125" style="43" customWidth="1"/>
    <col min="5186" max="5186" width="4.33203125" style="43" customWidth="1"/>
    <col min="5187" max="5187" width="11.83203125" style="43" customWidth="1"/>
    <col min="5188" max="5188" width="4.33203125" style="43" customWidth="1"/>
    <col min="5189" max="5189" width="11.83203125" style="43" customWidth="1"/>
    <col min="5190" max="5190" width="4.33203125" style="43" customWidth="1"/>
    <col min="5191" max="5191" width="11.83203125" style="43" customWidth="1"/>
    <col min="5192" max="5192" width="4.33203125" style="43" customWidth="1"/>
    <col min="5193" max="5193" width="11.83203125" style="43" customWidth="1"/>
    <col min="5194" max="5284" width="5.33203125" style="43" customWidth="1"/>
    <col min="5285" max="5290" width="1.33203125" style="43" customWidth="1"/>
    <col min="5291" max="5291" width="8.08203125" style="43" customWidth="1"/>
    <col min="5292" max="5292" width="4.33203125" style="43" customWidth="1"/>
    <col min="5293" max="5293" width="11.83203125" style="43" customWidth="1"/>
    <col min="5294" max="5294" width="4.33203125" style="43" customWidth="1"/>
    <col min="5295" max="5295" width="11.83203125" style="43" customWidth="1"/>
    <col min="5296" max="5296" width="4.33203125" style="43" customWidth="1"/>
    <col min="5297" max="5297" width="11.83203125" style="43" customWidth="1"/>
    <col min="5298" max="5298" width="4.33203125" style="43" customWidth="1"/>
    <col min="5299" max="5299" width="11.83203125" style="43" customWidth="1"/>
    <col min="5300" max="5300" width="4.33203125" style="43" customWidth="1"/>
    <col min="5301" max="5301" width="11.83203125" style="43" customWidth="1"/>
    <col min="5302" max="5302" width="4.33203125" style="43" customWidth="1"/>
    <col min="5303" max="5303" width="11.83203125" style="43" customWidth="1"/>
    <col min="5304" max="5304" width="4.33203125" style="43" customWidth="1"/>
    <col min="5305" max="5305" width="11.83203125" style="43" customWidth="1"/>
    <col min="5306" max="5306" width="4.33203125" style="43" customWidth="1"/>
    <col min="5307" max="5307" width="11.83203125" style="43" customWidth="1"/>
    <col min="5308" max="5308" width="4.33203125" style="43" customWidth="1"/>
    <col min="5309" max="5309" width="11.83203125" style="43" customWidth="1"/>
    <col min="5310" max="5310" width="4.33203125" style="43" customWidth="1"/>
    <col min="5311" max="5311" width="11.83203125" style="43" customWidth="1"/>
    <col min="5312" max="5312" width="4.33203125" style="43" customWidth="1"/>
    <col min="5313" max="5313" width="11.83203125" style="43" customWidth="1"/>
    <col min="5314" max="5314" width="4.33203125" style="43" customWidth="1"/>
    <col min="5315" max="5315" width="11.83203125" style="43" customWidth="1"/>
    <col min="5316" max="5316" width="4.33203125" style="43" customWidth="1"/>
    <col min="5317" max="5317" width="11.83203125" style="43" customWidth="1"/>
    <col min="5318" max="5318" width="4.33203125" style="43" customWidth="1"/>
    <col min="5319" max="5319" width="11.83203125" style="43" customWidth="1"/>
    <col min="5320" max="5320" width="4.33203125" style="43" customWidth="1"/>
    <col min="5321" max="5321" width="11.83203125" style="43" customWidth="1"/>
    <col min="5322" max="5322" width="4.33203125" style="43" customWidth="1"/>
    <col min="5323" max="5323" width="11.83203125" style="43" customWidth="1"/>
    <col min="5324" max="5324" width="4.33203125" style="43" customWidth="1"/>
    <col min="5325" max="5325" width="11.83203125" style="43" customWidth="1"/>
    <col min="5326" max="5326" width="4.33203125" style="43" customWidth="1"/>
    <col min="5327" max="5328" width="4.33203125" style="43"/>
    <col min="5329" max="5332" width="1.33203125" style="43" customWidth="1"/>
    <col min="5333" max="5333" width="8.08203125" style="43" customWidth="1"/>
    <col min="5334" max="5334" width="4.33203125" style="43" customWidth="1"/>
    <col min="5335" max="5335" width="11.83203125" style="43" customWidth="1"/>
    <col min="5336" max="5336" width="4.33203125" style="43" customWidth="1"/>
    <col min="5337" max="5337" width="11.83203125" style="43" customWidth="1"/>
    <col min="5338" max="5338" width="4.33203125" style="43" customWidth="1"/>
    <col min="5339" max="5339" width="11.83203125" style="43" customWidth="1"/>
    <col min="5340" max="5340" width="4.33203125" style="43" customWidth="1"/>
    <col min="5341" max="5341" width="11.83203125" style="43" customWidth="1"/>
    <col min="5342" max="5342" width="4.33203125" style="43" customWidth="1"/>
    <col min="5343" max="5343" width="11.83203125" style="43" customWidth="1"/>
    <col min="5344" max="5344" width="4.33203125" style="43" customWidth="1"/>
    <col min="5345" max="5345" width="11.83203125" style="43" customWidth="1"/>
    <col min="5346" max="5346" width="4.33203125" style="43" customWidth="1"/>
    <col min="5347" max="5347" width="11.83203125" style="43" customWidth="1"/>
    <col min="5348" max="5348" width="4.33203125" style="43" customWidth="1"/>
    <col min="5349" max="5349" width="11.83203125" style="43" customWidth="1"/>
    <col min="5350" max="5350" width="4.33203125" style="43" customWidth="1"/>
    <col min="5351" max="5351" width="11.83203125" style="43" customWidth="1"/>
    <col min="5352" max="5352" width="4.33203125" style="43" customWidth="1"/>
    <col min="5353" max="5353" width="11.83203125" style="43" customWidth="1"/>
    <col min="5354" max="5354" width="4.33203125" style="43" customWidth="1"/>
    <col min="5355" max="5355" width="11.83203125" style="43" customWidth="1"/>
    <col min="5356" max="5356" width="4.33203125" style="43" customWidth="1"/>
    <col min="5357" max="5357" width="11.83203125" style="43" customWidth="1"/>
    <col min="5358" max="5358" width="4.33203125" style="43" customWidth="1"/>
    <col min="5359" max="5359" width="11.83203125" style="43" customWidth="1"/>
    <col min="5360" max="5360" width="4.33203125" style="43" customWidth="1"/>
    <col min="5361" max="5361" width="11.83203125" style="43" customWidth="1"/>
    <col min="5362" max="5362" width="4.33203125" style="43" customWidth="1"/>
    <col min="5363" max="5363" width="11.83203125" style="43" customWidth="1"/>
    <col min="5364" max="5364" width="4.33203125" style="43" customWidth="1"/>
    <col min="5365" max="5365" width="11.83203125" style="43" customWidth="1"/>
    <col min="5366" max="5366" width="4.33203125" style="43" customWidth="1"/>
    <col min="5367" max="5367" width="11.83203125" style="43" customWidth="1"/>
    <col min="5368" max="5368" width="4.33203125" style="43" customWidth="1"/>
    <col min="5369" max="5369" width="11.83203125" style="43" customWidth="1"/>
    <col min="5370" max="5370" width="4.33203125" style="43" customWidth="1"/>
    <col min="5371" max="5371" width="11.83203125" style="43" customWidth="1"/>
    <col min="5372" max="5372" width="4.33203125" style="43" customWidth="1"/>
    <col min="5373" max="5373" width="11.83203125" style="43" customWidth="1"/>
    <col min="5374" max="5374" width="4.33203125" style="43" customWidth="1"/>
    <col min="5375" max="5375" width="11.83203125" style="43" customWidth="1"/>
    <col min="5376" max="5376" width="4.33203125" style="43"/>
    <col min="5377" max="5377" width="11.83203125" style="43" customWidth="1"/>
    <col min="5378" max="5378" width="4.33203125" style="43" customWidth="1"/>
    <col min="5379" max="5379" width="11.83203125" style="43" customWidth="1"/>
    <col min="5380" max="5380" width="4.33203125" style="43" customWidth="1"/>
    <col min="5381" max="5381" width="11.83203125" style="43" customWidth="1"/>
    <col min="5382" max="5382" width="4.33203125" style="43" customWidth="1"/>
    <col min="5383" max="5383" width="11.83203125" style="43" customWidth="1"/>
    <col min="5384" max="5384" width="4.33203125" style="43" customWidth="1"/>
    <col min="5385" max="5385" width="11.83203125" style="43" customWidth="1"/>
    <col min="5386" max="5386" width="4.33203125" style="43" customWidth="1"/>
    <col min="5387" max="5387" width="11.83203125" style="43" customWidth="1"/>
    <col min="5388" max="5388" width="4.33203125" style="43" customWidth="1"/>
    <col min="5389" max="5389" width="11.83203125" style="43" customWidth="1"/>
    <col min="5390" max="5390" width="4.33203125" style="43" customWidth="1"/>
    <col min="5391" max="5391" width="11.83203125" style="43" customWidth="1"/>
    <col min="5392" max="5392" width="4.33203125" style="43" customWidth="1"/>
    <col min="5393" max="5393" width="11.83203125" style="43" customWidth="1"/>
    <col min="5394" max="5394" width="4.33203125" style="43" customWidth="1"/>
    <col min="5395" max="5395" width="11.83203125" style="43" customWidth="1"/>
    <col min="5396" max="5396" width="4.33203125" style="43" customWidth="1"/>
    <col min="5397" max="5397" width="11.83203125" style="43" customWidth="1"/>
    <col min="5398" max="5398" width="4.33203125" style="43" customWidth="1"/>
    <col min="5399" max="5399" width="11.83203125" style="43" customWidth="1"/>
    <col min="5400" max="5400" width="4.33203125" style="43" customWidth="1"/>
    <col min="5401" max="5401" width="11.83203125" style="43" customWidth="1"/>
    <col min="5402" max="5402" width="4.33203125" style="43" customWidth="1"/>
    <col min="5403" max="5403" width="11.83203125" style="43" customWidth="1"/>
    <col min="5404" max="5404" width="4.33203125" style="43" customWidth="1"/>
    <col min="5405" max="5405" width="11.83203125" style="43" customWidth="1"/>
    <col min="5406" max="5406" width="4.33203125" style="43" customWidth="1"/>
    <col min="5407" max="5407" width="11.83203125" style="43" customWidth="1"/>
    <col min="5408" max="5408" width="4.33203125" style="43" customWidth="1"/>
    <col min="5409" max="5409" width="11.83203125" style="43" customWidth="1"/>
    <col min="5410" max="5410" width="4.33203125" style="43" customWidth="1"/>
    <col min="5411" max="5411" width="11.83203125" style="43" customWidth="1"/>
    <col min="5412" max="5412" width="4.33203125" style="43" customWidth="1"/>
    <col min="5413" max="5413" width="11.83203125" style="43" customWidth="1"/>
    <col min="5414" max="5414" width="4.33203125" style="43" customWidth="1"/>
    <col min="5415" max="5415" width="11.83203125" style="43" customWidth="1"/>
    <col min="5416" max="5416" width="4.33203125" style="43" customWidth="1"/>
    <col min="5417" max="5417" width="11.83203125" style="43" customWidth="1"/>
    <col min="5418" max="5418" width="4.33203125" style="43" customWidth="1"/>
    <col min="5419" max="5419" width="11.83203125" style="43" customWidth="1"/>
    <col min="5420" max="5420" width="4.33203125" style="43" customWidth="1"/>
    <col min="5421" max="5421" width="11.83203125" style="43" customWidth="1"/>
    <col min="5422" max="5422" width="4.33203125" style="43" customWidth="1"/>
    <col min="5423" max="5423" width="11.83203125" style="43" customWidth="1"/>
    <col min="5424" max="5424" width="4.33203125" style="43" customWidth="1"/>
    <col min="5425" max="5425" width="11.83203125" style="43" customWidth="1"/>
    <col min="5426" max="5426" width="4.33203125" style="43" customWidth="1"/>
    <col min="5427" max="5427" width="11.83203125" style="43" customWidth="1"/>
    <col min="5428" max="5428" width="4.33203125" style="43" customWidth="1"/>
    <col min="5429" max="5429" width="11.83203125" style="43" customWidth="1"/>
    <col min="5430" max="5430" width="4.33203125" style="43" customWidth="1"/>
    <col min="5431" max="5431" width="11.83203125" style="43" customWidth="1"/>
    <col min="5432" max="5432" width="4.33203125" style="43" customWidth="1"/>
    <col min="5433" max="5433" width="11.83203125" style="43" customWidth="1"/>
    <col min="5434" max="5434" width="4.33203125" style="43" customWidth="1"/>
    <col min="5435" max="5435" width="11.83203125" style="43" customWidth="1"/>
    <col min="5436" max="5436" width="4.33203125" style="43" customWidth="1"/>
    <col min="5437" max="5437" width="11.83203125" style="43" customWidth="1"/>
    <col min="5438" max="5438" width="4.33203125" style="43" customWidth="1"/>
    <col min="5439" max="5439" width="11.83203125" style="43" customWidth="1"/>
    <col min="5440" max="5440" width="4.33203125" style="43" customWidth="1"/>
    <col min="5441" max="5441" width="11.83203125" style="43" customWidth="1"/>
    <col min="5442" max="5442" width="4.33203125" style="43" customWidth="1"/>
    <col min="5443" max="5443" width="11.83203125" style="43" customWidth="1"/>
    <col min="5444" max="5444" width="4.33203125" style="43" customWidth="1"/>
    <col min="5445" max="5445" width="11.83203125" style="43" customWidth="1"/>
    <col min="5446" max="5446" width="4.33203125" style="43" customWidth="1"/>
    <col min="5447" max="5447" width="11.83203125" style="43" customWidth="1"/>
    <col min="5448" max="5448" width="4.33203125" style="43" customWidth="1"/>
    <col min="5449" max="5449" width="11.83203125" style="43" customWidth="1"/>
    <col min="5450" max="5540" width="5.33203125" style="43" customWidth="1"/>
    <col min="5541" max="5546" width="1.33203125" style="43" customWidth="1"/>
    <col min="5547" max="5547" width="8.08203125" style="43" customWidth="1"/>
    <col min="5548" max="5548" width="4.33203125" style="43" customWidth="1"/>
    <col min="5549" max="5549" width="11.83203125" style="43" customWidth="1"/>
    <col min="5550" max="5550" width="4.33203125" style="43" customWidth="1"/>
    <col min="5551" max="5551" width="11.83203125" style="43" customWidth="1"/>
    <col min="5552" max="5552" width="4.33203125" style="43" customWidth="1"/>
    <col min="5553" max="5553" width="11.83203125" style="43" customWidth="1"/>
    <col min="5554" max="5554" width="4.33203125" style="43" customWidth="1"/>
    <col min="5555" max="5555" width="11.83203125" style="43" customWidth="1"/>
    <col min="5556" max="5556" width="4.33203125" style="43" customWidth="1"/>
    <col min="5557" max="5557" width="11.83203125" style="43" customWidth="1"/>
    <col min="5558" max="5558" width="4.33203125" style="43" customWidth="1"/>
    <col min="5559" max="5559" width="11.83203125" style="43" customWidth="1"/>
    <col min="5560" max="5560" width="4.33203125" style="43" customWidth="1"/>
    <col min="5561" max="5561" width="11.83203125" style="43" customWidth="1"/>
    <col min="5562" max="5562" width="4.33203125" style="43" customWidth="1"/>
    <col min="5563" max="5563" width="11.83203125" style="43" customWidth="1"/>
    <col min="5564" max="5564" width="4.33203125" style="43" customWidth="1"/>
    <col min="5565" max="5565" width="11.83203125" style="43" customWidth="1"/>
    <col min="5566" max="5566" width="4.33203125" style="43" customWidth="1"/>
    <col min="5567" max="5567" width="11.83203125" style="43" customWidth="1"/>
    <col min="5568" max="5568" width="4.33203125" style="43" customWidth="1"/>
    <col min="5569" max="5569" width="11.83203125" style="43" customWidth="1"/>
    <col min="5570" max="5570" width="4.33203125" style="43" customWidth="1"/>
    <col min="5571" max="5571" width="11.83203125" style="43" customWidth="1"/>
    <col min="5572" max="5572" width="4.33203125" style="43" customWidth="1"/>
    <col min="5573" max="5573" width="11.83203125" style="43" customWidth="1"/>
    <col min="5574" max="5574" width="4.33203125" style="43" customWidth="1"/>
    <col min="5575" max="5575" width="11.83203125" style="43" customWidth="1"/>
    <col min="5576" max="5576" width="4.33203125" style="43" customWidth="1"/>
    <col min="5577" max="5577" width="11.83203125" style="43" customWidth="1"/>
    <col min="5578" max="5578" width="4.33203125" style="43" customWidth="1"/>
    <col min="5579" max="5579" width="11.83203125" style="43" customWidth="1"/>
    <col min="5580" max="5580" width="4.33203125" style="43" customWidth="1"/>
    <col min="5581" max="5581" width="11.83203125" style="43" customWidth="1"/>
    <col min="5582" max="5582" width="4.33203125" style="43" customWidth="1"/>
    <col min="5583" max="5584" width="4.33203125" style="43"/>
    <col min="5585" max="5588" width="1.33203125" style="43" customWidth="1"/>
    <col min="5589" max="5589" width="8.08203125" style="43" customWidth="1"/>
    <col min="5590" max="5590" width="4.33203125" style="43" customWidth="1"/>
    <col min="5591" max="5591" width="11.83203125" style="43" customWidth="1"/>
    <col min="5592" max="5592" width="4.33203125" style="43" customWidth="1"/>
    <col min="5593" max="5593" width="11.83203125" style="43" customWidth="1"/>
    <col min="5594" max="5594" width="4.33203125" style="43" customWidth="1"/>
    <col min="5595" max="5595" width="11.83203125" style="43" customWidth="1"/>
    <col min="5596" max="5596" width="4.33203125" style="43" customWidth="1"/>
    <col min="5597" max="5597" width="11.83203125" style="43" customWidth="1"/>
    <col min="5598" max="5598" width="4.33203125" style="43" customWidth="1"/>
    <col min="5599" max="5599" width="11.83203125" style="43" customWidth="1"/>
    <col min="5600" max="5600" width="4.33203125" style="43" customWidth="1"/>
    <col min="5601" max="5601" width="11.83203125" style="43" customWidth="1"/>
    <col min="5602" max="5602" width="4.33203125" style="43" customWidth="1"/>
    <col min="5603" max="5603" width="11.83203125" style="43" customWidth="1"/>
    <col min="5604" max="5604" width="4.33203125" style="43" customWidth="1"/>
    <col min="5605" max="5605" width="11.83203125" style="43" customWidth="1"/>
    <col min="5606" max="5606" width="4.33203125" style="43" customWidth="1"/>
    <col min="5607" max="5607" width="11.83203125" style="43" customWidth="1"/>
    <col min="5608" max="5608" width="4.33203125" style="43" customWidth="1"/>
    <col min="5609" max="5609" width="11.83203125" style="43" customWidth="1"/>
    <col min="5610" max="5610" width="4.33203125" style="43" customWidth="1"/>
    <col min="5611" max="5611" width="11.83203125" style="43" customWidth="1"/>
    <col min="5612" max="5612" width="4.33203125" style="43" customWidth="1"/>
    <col min="5613" max="5613" width="11.83203125" style="43" customWidth="1"/>
    <col min="5614" max="5614" width="4.33203125" style="43" customWidth="1"/>
    <col min="5615" max="5615" width="11.83203125" style="43" customWidth="1"/>
    <col min="5616" max="5616" width="4.33203125" style="43" customWidth="1"/>
    <col min="5617" max="5617" width="11.83203125" style="43" customWidth="1"/>
    <col min="5618" max="5618" width="4.33203125" style="43" customWidth="1"/>
    <col min="5619" max="5619" width="11.83203125" style="43" customWidth="1"/>
    <col min="5620" max="5620" width="4.33203125" style="43" customWidth="1"/>
    <col min="5621" max="5621" width="11.83203125" style="43" customWidth="1"/>
    <col min="5622" max="5622" width="4.33203125" style="43" customWidth="1"/>
    <col min="5623" max="5623" width="11.83203125" style="43" customWidth="1"/>
    <col min="5624" max="5624" width="4.33203125" style="43" customWidth="1"/>
    <col min="5625" max="5625" width="11.83203125" style="43" customWidth="1"/>
    <col min="5626" max="5626" width="4.33203125" style="43" customWidth="1"/>
    <col min="5627" max="5627" width="11.83203125" style="43" customWidth="1"/>
    <col min="5628" max="5628" width="4.33203125" style="43" customWidth="1"/>
    <col min="5629" max="5629" width="11.83203125" style="43" customWidth="1"/>
    <col min="5630" max="5630" width="4.33203125" style="43" customWidth="1"/>
    <col min="5631" max="5631" width="11.83203125" style="43" customWidth="1"/>
    <col min="5632" max="5632" width="4.33203125" style="43"/>
    <col min="5633" max="5633" width="11.83203125" style="43" customWidth="1"/>
    <col min="5634" max="5634" width="4.33203125" style="43" customWidth="1"/>
    <col min="5635" max="5635" width="11.83203125" style="43" customWidth="1"/>
    <col min="5636" max="5636" width="4.33203125" style="43" customWidth="1"/>
    <col min="5637" max="5637" width="11.83203125" style="43" customWidth="1"/>
    <col min="5638" max="5638" width="4.33203125" style="43" customWidth="1"/>
    <col min="5639" max="5639" width="11.83203125" style="43" customWidth="1"/>
    <col min="5640" max="5640" width="4.33203125" style="43" customWidth="1"/>
    <col min="5641" max="5641" width="11.83203125" style="43" customWidth="1"/>
    <col min="5642" max="5642" width="4.33203125" style="43" customWidth="1"/>
    <col min="5643" max="5643" width="11.83203125" style="43" customWidth="1"/>
    <col min="5644" max="5644" width="4.33203125" style="43" customWidth="1"/>
    <col min="5645" max="5645" width="11.83203125" style="43" customWidth="1"/>
    <col min="5646" max="5646" width="4.33203125" style="43" customWidth="1"/>
    <col min="5647" max="5647" width="11.83203125" style="43" customWidth="1"/>
    <col min="5648" max="5648" width="4.33203125" style="43" customWidth="1"/>
    <col min="5649" max="5649" width="11.83203125" style="43" customWidth="1"/>
    <col min="5650" max="5650" width="4.33203125" style="43" customWidth="1"/>
    <col min="5651" max="5651" width="11.83203125" style="43" customWidth="1"/>
    <col min="5652" max="5652" width="4.33203125" style="43" customWidth="1"/>
    <col min="5653" max="5653" width="11.83203125" style="43" customWidth="1"/>
    <col min="5654" max="5654" width="4.33203125" style="43" customWidth="1"/>
    <col min="5655" max="5655" width="11.83203125" style="43" customWidth="1"/>
    <col min="5656" max="5656" width="4.33203125" style="43" customWidth="1"/>
    <col min="5657" max="5657" width="11.83203125" style="43" customWidth="1"/>
    <col min="5658" max="5658" width="4.33203125" style="43" customWidth="1"/>
    <col min="5659" max="5659" width="11.83203125" style="43" customWidth="1"/>
    <col min="5660" max="5660" width="4.33203125" style="43" customWidth="1"/>
    <col min="5661" max="5661" width="11.83203125" style="43" customWidth="1"/>
    <col min="5662" max="5662" width="4.33203125" style="43" customWidth="1"/>
    <col min="5663" max="5663" width="11.83203125" style="43" customWidth="1"/>
    <col min="5664" max="5664" width="4.33203125" style="43" customWidth="1"/>
    <col min="5665" max="5665" width="11.83203125" style="43" customWidth="1"/>
    <col min="5666" max="5666" width="4.33203125" style="43" customWidth="1"/>
    <col min="5667" max="5667" width="11.83203125" style="43" customWidth="1"/>
    <col min="5668" max="5668" width="4.33203125" style="43" customWidth="1"/>
    <col min="5669" max="5669" width="11.83203125" style="43" customWidth="1"/>
    <col min="5670" max="5670" width="4.33203125" style="43" customWidth="1"/>
    <col min="5671" max="5671" width="11.83203125" style="43" customWidth="1"/>
    <col min="5672" max="5672" width="4.33203125" style="43" customWidth="1"/>
    <col min="5673" max="5673" width="11.83203125" style="43" customWidth="1"/>
    <col min="5674" max="5674" width="4.33203125" style="43" customWidth="1"/>
    <col min="5675" max="5675" width="11.83203125" style="43" customWidth="1"/>
    <col min="5676" max="5676" width="4.33203125" style="43" customWidth="1"/>
    <col min="5677" max="5677" width="11.83203125" style="43" customWidth="1"/>
    <col min="5678" max="5678" width="4.33203125" style="43" customWidth="1"/>
    <col min="5679" max="5679" width="11.83203125" style="43" customWidth="1"/>
    <col min="5680" max="5680" width="4.33203125" style="43" customWidth="1"/>
    <col min="5681" max="5681" width="11.83203125" style="43" customWidth="1"/>
    <col min="5682" max="5682" width="4.33203125" style="43" customWidth="1"/>
    <col min="5683" max="5683" width="11.83203125" style="43" customWidth="1"/>
    <col min="5684" max="5684" width="4.33203125" style="43" customWidth="1"/>
    <col min="5685" max="5685" width="11.83203125" style="43" customWidth="1"/>
    <col min="5686" max="5686" width="4.33203125" style="43" customWidth="1"/>
    <col min="5687" max="5687" width="11.83203125" style="43" customWidth="1"/>
    <col min="5688" max="5688" width="4.33203125" style="43" customWidth="1"/>
    <col min="5689" max="5689" width="11.83203125" style="43" customWidth="1"/>
    <col min="5690" max="5690" width="4.33203125" style="43" customWidth="1"/>
    <col min="5691" max="5691" width="11.83203125" style="43" customWidth="1"/>
    <col min="5692" max="5692" width="4.33203125" style="43" customWidth="1"/>
    <col min="5693" max="5693" width="11.83203125" style="43" customWidth="1"/>
    <col min="5694" max="5694" width="4.33203125" style="43" customWidth="1"/>
    <col min="5695" max="5695" width="11.83203125" style="43" customWidth="1"/>
    <col min="5696" max="5696" width="4.33203125" style="43" customWidth="1"/>
    <col min="5697" max="5697" width="11.83203125" style="43" customWidth="1"/>
    <col min="5698" max="5698" width="4.33203125" style="43" customWidth="1"/>
    <col min="5699" max="5699" width="11.83203125" style="43" customWidth="1"/>
    <col min="5700" max="5700" width="4.33203125" style="43" customWidth="1"/>
    <col min="5701" max="5701" width="11.83203125" style="43" customWidth="1"/>
    <col min="5702" max="5702" width="4.33203125" style="43" customWidth="1"/>
    <col min="5703" max="5703" width="11.83203125" style="43" customWidth="1"/>
    <col min="5704" max="5704" width="4.33203125" style="43" customWidth="1"/>
    <col min="5705" max="5705" width="11.83203125" style="43" customWidth="1"/>
    <col min="5706" max="5796" width="5.33203125" style="43" customWidth="1"/>
    <col min="5797" max="5802" width="1.33203125" style="43" customWidth="1"/>
    <col min="5803" max="5803" width="8.08203125" style="43" customWidth="1"/>
    <col min="5804" max="5804" width="4.33203125" style="43" customWidth="1"/>
    <col min="5805" max="5805" width="11.83203125" style="43" customWidth="1"/>
    <col min="5806" max="5806" width="4.33203125" style="43" customWidth="1"/>
    <col min="5807" max="5807" width="11.83203125" style="43" customWidth="1"/>
    <col min="5808" max="5808" width="4.33203125" style="43" customWidth="1"/>
    <col min="5809" max="5809" width="11.83203125" style="43" customWidth="1"/>
    <col min="5810" max="5810" width="4.33203125" style="43" customWidth="1"/>
    <col min="5811" max="5811" width="11.83203125" style="43" customWidth="1"/>
    <col min="5812" max="5812" width="4.33203125" style="43" customWidth="1"/>
    <col min="5813" max="5813" width="11.83203125" style="43" customWidth="1"/>
    <col min="5814" max="5814" width="4.33203125" style="43" customWidth="1"/>
    <col min="5815" max="5815" width="11.83203125" style="43" customWidth="1"/>
    <col min="5816" max="5816" width="4.33203125" style="43" customWidth="1"/>
    <col min="5817" max="5817" width="11.83203125" style="43" customWidth="1"/>
    <col min="5818" max="5818" width="4.33203125" style="43" customWidth="1"/>
    <col min="5819" max="5819" width="11.83203125" style="43" customWidth="1"/>
    <col min="5820" max="5820" width="4.33203125" style="43" customWidth="1"/>
    <col min="5821" max="5821" width="11.83203125" style="43" customWidth="1"/>
    <col min="5822" max="5822" width="4.33203125" style="43" customWidth="1"/>
    <col min="5823" max="5823" width="11.83203125" style="43" customWidth="1"/>
    <col min="5824" max="5824" width="4.33203125" style="43" customWidth="1"/>
    <col min="5825" max="5825" width="11.83203125" style="43" customWidth="1"/>
    <col min="5826" max="5826" width="4.33203125" style="43" customWidth="1"/>
    <col min="5827" max="5827" width="11.83203125" style="43" customWidth="1"/>
    <col min="5828" max="5828" width="4.33203125" style="43" customWidth="1"/>
    <col min="5829" max="5829" width="11.83203125" style="43" customWidth="1"/>
    <col min="5830" max="5830" width="4.33203125" style="43" customWidth="1"/>
    <col min="5831" max="5831" width="11.83203125" style="43" customWidth="1"/>
    <col min="5832" max="5832" width="4.33203125" style="43" customWidth="1"/>
    <col min="5833" max="5833" width="11.83203125" style="43" customWidth="1"/>
    <col min="5834" max="5834" width="4.33203125" style="43" customWidth="1"/>
    <col min="5835" max="5835" width="11.83203125" style="43" customWidth="1"/>
    <col min="5836" max="5836" width="4.33203125" style="43" customWidth="1"/>
    <col min="5837" max="5837" width="11.83203125" style="43" customWidth="1"/>
    <col min="5838" max="5838" width="4.33203125" style="43" customWidth="1"/>
    <col min="5839" max="5840" width="4.33203125" style="43"/>
    <col min="5841" max="5844" width="1.33203125" style="43" customWidth="1"/>
    <col min="5845" max="5845" width="8.08203125" style="43" customWidth="1"/>
    <col min="5846" max="5846" width="4.33203125" style="43" customWidth="1"/>
    <col min="5847" max="5847" width="11.83203125" style="43" customWidth="1"/>
    <col min="5848" max="5848" width="4.33203125" style="43" customWidth="1"/>
    <col min="5849" max="5849" width="11.83203125" style="43" customWidth="1"/>
    <col min="5850" max="5850" width="4.33203125" style="43" customWidth="1"/>
    <col min="5851" max="5851" width="11.83203125" style="43" customWidth="1"/>
    <col min="5852" max="5852" width="4.33203125" style="43" customWidth="1"/>
    <col min="5853" max="5853" width="11.83203125" style="43" customWidth="1"/>
    <col min="5854" max="5854" width="4.33203125" style="43" customWidth="1"/>
    <col min="5855" max="5855" width="11.83203125" style="43" customWidth="1"/>
    <col min="5856" max="5856" width="4.33203125" style="43" customWidth="1"/>
    <col min="5857" max="5857" width="11.83203125" style="43" customWidth="1"/>
    <col min="5858" max="5858" width="4.33203125" style="43" customWidth="1"/>
    <col min="5859" max="5859" width="11.83203125" style="43" customWidth="1"/>
    <col min="5860" max="5860" width="4.33203125" style="43" customWidth="1"/>
    <col min="5861" max="5861" width="11.83203125" style="43" customWidth="1"/>
    <col min="5862" max="5862" width="4.33203125" style="43" customWidth="1"/>
    <col min="5863" max="5863" width="11.83203125" style="43" customWidth="1"/>
    <col min="5864" max="5864" width="4.33203125" style="43" customWidth="1"/>
    <col min="5865" max="5865" width="11.83203125" style="43" customWidth="1"/>
    <col min="5866" max="5866" width="4.33203125" style="43" customWidth="1"/>
    <col min="5867" max="5867" width="11.83203125" style="43" customWidth="1"/>
    <col min="5868" max="5868" width="4.33203125" style="43" customWidth="1"/>
    <col min="5869" max="5869" width="11.83203125" style="43" customWidth="1"/>
    <col min="5870" max="5870" width="4.33203125" style="43" customWidth="1"/>
    <col min="5871" max="5871" width="11.83203125" style="43" customWidth="1"/>
    <col min="5872" max="5872" width="4.33203125" style="43" customWidth="1"/>
    <col min="5873" max="5873" width="11.83203125" style="43" customWidth="1"/>
    <col min="5874" max="5874" width="4.33203125" style="43" customWidth="1"/>
    <col min="5875" max="5875" width="11.83203125" style="43" customWidth="1"/>
    <col min="5876" max="5876" width="4.33203125" style="43" customWidth="1"/>
    <col min="5877" max="5877" width="11.83203125" style="43" customWidth="1"/>
    <col min="5878" max="5878" width="4.33203125" style="43" customWidth="1"/>
    <col min="5879" max="5879" width="11.83203125" style="43" customWidth="1"/>
    <col min="5880" max="5880" width="4.33203125" style="43" customWidth="1"/>
    <col min="5881" max="5881" width="11.83203125" style="43" customWidth="1"/>
    <col min="5882" max="5882" width="4.33203125" style="43" customWidth="1"/>
    <col min="5883" max="5883" width="11.83203125" style="43" customWidth="1"/>
    <col min="5884" max="5884" width="4.33203125" style="43" customWidth="1"/>
    <col min="5885" max="5885" width="11.83203125" style="43" customWidth="1"/>
    <col min="5886" max="5886" width="4.33203125" style="43" customWidth="1"/>
    <col min="5887" max="5887" width="11.83203125" style="43" customWidth="1"/>
    <col min="5888" max="5888" width="4.33203125" style="43"/>
    <col min="5889" max="5889" width="11.83203125" style="43" customWidth="1"/>
    <col min="5890" max="5890" width="4.33203125" style="43" customWidth="1"/>
    <col min="5891" max="5891" width="11.83203125" style="43" customWidth="1"/>
    <col min="5892" max="5892" width="4.33203125" style="43" customWidth="1"/>
    <col min="5893" max="5893" width="11.83203125" style="43" customWidth="1"/>
    <col min="5894" max="5894" width="4.33203125" style="43" customWidth="1"/>
    <col min="5895" max="5895" width="11.83203125" style="43" customWidth="1"/>
    <col min="5896" max="5896" width="4.33203125" style="43" customWidth="1"/>
    <col min="5897" max="5897" width="11.83203125" style="43" customWidth="1"/>
    <col min="5898" max="5898" width="4.33203125" style="43" customWidth="1"/>
    <col min="5899" max="5899" width="11.83203125" style="43" customWidth="1"/>
    <col min="5900" max="5900" width="4.33203125" style="43" customWidth="1"/>
    <col min="5901" max="5901" width="11.83203125" style="43" customWidth="1"/>
    <col min="5902" max="5902" width="4.33203125" style="43" customWidth="1"/>
    <col min="5903" max="5903" width="11.83203125" style="43" customWidth="1"/>
    <col min="5904" max="5904" width="4.33203125" style="43" customWidth="1"/>
    <col min="5905" max="5905" width="11.83203125" style="43" customWidth="1"/>
    <col min="5906" max="5906" width="4.33203125" style="43" customWidth="1"/>
    <col min="5907" max="5907" width="11.83203125" style="43" customWidth="1"/>
    <col min="5908" max="5908" width="4.33203125" style="43" customWidth="1"/>
    <col min="5909" max="5909" width="11.83203125" style="43" customWidth="1"/>
    <col min="5910" max="5910" width="4.33203125" style="43" customWidth="1"/>
    <col min="5911" max="5911" width="11.83203125" style="43" customWidth="1"/>
    <col min="5912" max="5912" width="4.33203125" style="43" customWidth="1"/>
    <col min="5913" max="5913" width="11.83203125" style="43" customWidth="1"/>
    <col min="5914" max="5914" width="4.33203125" style="43" customWidth="1"/>
    <col min="5915" max="5915" width="11.83203125" style="43" customWidth="1"/>
    <col min="5916" max="5916" width="4.33203125" style="43" customWidth="1"/>
    <col min="5917" max="5917" width="11.83203125" style="43" customWidth="1"/>
    <col min="5918" max="5918" width="4.33203125" style="43" customWidth="1"/>
    <col min="5919" max="5919" width="11.83203125" style="43" customWidth="1"/>
    <col min="5920" max="5920" width="4.33203125" style="43" customWidth="1"/>
    <col min="5921" max="5921" width="11.83203125" style="43" customWidth="1"/>
    <col min="5922" max="5922" width="4.33203125" style="43" customWidth="1"/>
    <col min="5923" max="5923" width="11.83203125" style="43" customWidth="1"/>
    <col min="5924" max="5924" width="4.33203125" style="43" customWidth="1"/>
    <col min="5925" max="5925" width="11.83203125" style="43" customWidth="1"/>
    <col min="5926" max="5926" width="4.33203125" style="43" customWidth="1"/>
    <col min="5927" max="5927" width="11.83203125" style="43" customWidth="1"/>
    <col min="5928" max="5928" width="4.33203125" style="43" customWidth="1"/>
    <col min="5929" max="5929" width="11.83203125" style="43" customWidth="1"/>
    <col min="5930" max="5930" width="4.33203125" style="43" customWidth="1"/>
    <col min="5931" max="5931" width="11.83203125" style="43" customWidth="1"/>
    <col min="5932" max="5932" width="4.33203125" style="43" customWidth="1"/>
    <col min="5933" max="5933" width="11.83203125" style="43" customWidth="1"/>
    <col min="5934" max="5934" width="4.33203125" style="43" customWidth="1"/>
    <col min="5935" max="5935" width="11.83203125" style="43" customWidth="1"/>
    <col min="5936" max="5936" width="4.33203125" style="43" customWidth="1"/>
    <col min="5937" max="5937" width="11.83203125" style="43" customWidth="1"/>
    <col min="5938" max="5938" width="4.33203125" style="43" customWidth="1"/>
    <col min="5939" max="5939" width="11.83203125" style="43" customWidth="1"/>
    <col min="5940" max="5940" width="4.33203125" style="43" customWidth="1"/>
    <col min="5941" max="5941" width="11.83203125" style="43" customWidth="1"/>
    <col min="5942" max="5942" width="4.33203125" style="43" customWidth="1"/>
    <col min="5943" max="5943" width="11.83203125" style="43" customWidth="1"/>
    <col min="5944" max="5944" width="4.33203125" style="43" customWidth="1"/>
    <col min="5945" max="5945" width="11.83203125" style="43" customWidth="1"/>
    <col min="5946" max="5946" width="4.33203125" style="43" customWidth="1"/>
    <col min="5947" max="5947" width="11.83203125" style="43" customWidth="1"/>
    <col min="5948" max="5948" width="4.33203125" style="43" customWidth="1"/>
    <col min="5949" max="5949" width="11.83203125" style="43" customWidth="1"/>
    <col min="5950" max="5950" width="4.33203125" style="43" customWidth="1"/>
    <col min="5951" max="5951" width="11.83203125" style="43" customWidth="1"/>
    <col min="5952" max="5952" width="4.33203125" style="43" customWidth="1"/>
    <col min="5953" max="5953" width="11.83203125" style="43" customWidth="1"/>
    <col min="5954" max="5954" width="4.33203125" style="43" customWidth="1"/>
    <col min="5955" max="5955" width="11.83203125" style="43" customWidth="1"/>
    <col min="5956" max="5956" width="4.33203125" style="43" customWidth="1"/>
    <col min="5957" max="5957" width="11.83203125" style="43" customWidth="1"/>
    <col min="5958" max="5958" width="4.33203125" style="43" customWidth="1"/>
    <col min="5959" max="5959" width="11.83203125" style="43" customWidth="1"/>
    <col min="5960" max="5960" width="4.33203125" style="43" customWidth="1"/>
    <col min="5961" max="5961" width="11.83203125" style="43" customWidth="1"/>
    <col min="5962" max="6052" width="5.33203125" style="43" customWidth="1"/>
    <col min="6053" max="6058" width="1.33203125" style="43" customWidth="1"/>
    <col min="6059" max="6059" width="8.08203125" style="43" customWidth="1"/>
    <col min="6060" max="6060" width="4.33203125" style="43" customWidth="1"/>
    <col min="6061" max="6061" width="11.83203125" style="43" customWidth="1"/>
    <col min="6062" max="6062" width="4.33203125" style="43" customWidth="1"/>
    <col min="6063" max="6063" width="11.83203125" style="43" customWidth="1"/>
    <col min="6064" max="6064" width="4.33203125" style="43" customWidth="1"/>
    <col min="6065" max="6065" width="11.83203125" style="43" customWidth="1"/>
    <col min="6066" max="6066" width="4.33203125" style="43" customWidth="1"/>
    <col min="6067" max="6067" width="11.83203125" style="43" customWidth="1"/>
    <col min="6068" max="6068" width="4.33203125" style="43" customWidth="1"/>
    <col min="6069" max="6069" width="11.83203125" style="43" customWidth="1"/>
    <col min="6070" max="6070" width="4.33203125" style="43" customWidth="1"/>
    <col min="6071" max="6071" width="11.83203125" style="43" customWidth="1"/>
    <col min="6072" max="6072" width="4.33203125" style="43" customWidth="1"/>
    <col min="6073" max="6073" width="11.83203125" style="43" customWidth="1"/>
    <col min="6074" max="6074" width="4.33203125" style="43" customWidth="1"/>
    <col min="6075" max="6075" width="11.83203125" style="43" customWidth="1"/>
    <col min="6076" max="6076" width="4.33203125" style="43" customWidth="1"/>
    <col min="6077" max="6077" width="11.83203125" style="43" customWidth="1"/>
    <col min="6078" max="6078" width="4.33203125" style="43" customWidth="1"/>
    <col min="6079" max="6079" width="11.83203125" style="43" customWidth="1"/>
    <col min="6080" max="6080" width="4.33203125" style="43" customWidth="1"/>
    <col min="6081" max="6081" width="11.83203125" style="43" customWidth="1"/>
    <col min="6082" max="6082" width="4.33203125" style="43" customWidth="1"/>
    <col min="6083" max="6083" width="11.83203125" style="43" customWidth="1"/>
    <col min="6084" max="6084" width="4.33203125" style="43" customWidth="1"/>
    <col min="6085" max="6085" width="11.83203125" style="43" customWidth="1"/>
    <col min="6086" max="6086" width="4.33203125" style="43" customWidth="1"/>
    <col min="6087" max="6087" width="11.83203125" style="43" customWidth="1"/>
    <col min="6088" max="6088" width="4.33203125" style="43" customWidth="1"/>
    <col min="6089" max="6089" width="11.83203125" style="43" customWidth="1"/>
    <col min="6090" max="6090" width="4.33203125" style="43" customWidth="1"/>
    <col min="6091" max="6091" width="11.83203125" style="43" customWidth="1"/>
    <col min="6092" max="6092" width="4.33203125" style="43" customWidth="1"/>
    <col min="6093" max="6093" width="11.83203125" style="43" customWidth="1"/>
    <col min="6094" max="6094" width="4.33203125" style="43" customWidth="1"/>
    <col min="6095" max="6096" width="4.33203125" style="43"/>
    <col min="6097" max="6100" width="1.33203125" style="43" customWidth="1"/>
    <col min="6101" max="6101" width="8.08203125" style="43" customWidth="1"/>
    <col min="6102" max="6102" width="4.33203125" style="43" customWidth="1"/>
    <col min="6103" max="6103" width="11.83203125" style="43" customWidth="1"/>
    <col min="6104" max="6104" width="4.33203125" style="43" customWidth="1"/>
    <col min="6105" max="6105" width="11.83203125" style="43" customWidth="1"/>
    <col min="6106" max="6106" width="4.33203125" style="43" customWidth="1"/>
    <col min="6107" max="6107" width="11.83203125" style="43" customWidth="1"/>
    <col min="6108" max="6108" width="4.33203125" style="43" customWidth="1"/>
    <col min="6109" max="6109" width="11.83203125" style="43" customWidth="1"/>
    <col min="6110" max="6110" width="4.33203125" style="43" customWidth="1"/>
    <col min="6111" max="6111" width="11.83203125" style="43" customWidth="1"/>
    <col min="6112" max="6112" width="4.33203125" style="43" customWidth="1"/>
    <col min="6113" max="6113" width="11.83203125" style="43" customWidth="1"/>
    <col min="6114" max="6114" width="4.33203125" style="43" customWidth="1"/>
    <col min="6115" max="6115" width="11.83203125" style="43" customWidth="1"/>
    <col min="6116" max="6116" width="4.33203125" style="43" customWidth="1"/>
    <col min="6117" max="6117" width="11.83203125" style="43" customWidth="1"/>
    <col min="6118" max="6118" width="4.33203125" style="43" customWidth="1"/>
    <col min="6119" max="6119" width="11.83203125" style="43" customWidth="1"/>
    <col min="6120" max="6120" width="4.33203125" style="43" customWidth="1"/>
    <col min="6121" max="6121" width="11.83203125" style="43" customWidth="1"/>
    <col min="6122" max="6122" width="4.33203125" style="43" customWidth="1"/>
    <col min="6123" max="6123" width="11.83203125" style="43" customWidth="1"/>
    <col min="6124" max="6124" width="4.33203125" style="43" customWidth="1"/>
    <col min="6125" max="6125" width="11.83203125" style="43" customWidth="1"/>
    <col min="6126" max="6126" width="4.33203125" style="43" customWidth="1"/>
    <col min="6127" max="6127" width="11.83203125" style="43" customWidth="1"/>
    <col min="6128" max="6128" width="4.33203125" style="43" customWidth="1"/>
    <col min="6129" max="6129" width="11.83203125" style="43" customWidth="1"/>
    <col min="6130" max="6130" width="4.33203125" style="43" customWidth="1"/>
    <col min="6131" max="6131" width="11.83203125" style="43" customWidth="1"/>
    <col min="6132" max="6132" width="4.33203125" style="43" customWidth="1"/>
    <col min="6133" max="6133" width="11.83203125" style="43" customWidth="1"/>
    <col min="6134" max="6134" width="4.33203125" style="43" customWidth="1"/>
    <col min="6135" max="6135" width="11.83203125" style="43" customWidth="1"/>
    <col min="6136" max="6136" width="4.33203125" style="43" customWidth="1"/>
    <col min="6137" max="6137" width="11.83203125" style="43" customWidth="1"/>
    <col min="6138" max="6138" width="4.33203125" style="43" customWidth="1"/>
    <col min="6139" max="6139" width="11.83203125" style="43" customWidth="1"/>
    <col min="6140" max="6140" width="4.33203125" style="43" customWidth="1"/>
    <col min="6141" max="6141" width="11.83203125" style="43" customWidth="1"/>
    <col min="6142" max="6142" width="4.33203125" style="43" customWidth="1"/>
    <col min="6143" max="6143" width="11.83203125" style="43" customWidth="1"/>
    <col min="6144" max="6144" width="4.33203125" style="43"/>
    <col min="6145" max="6145" width="11.83203125" style="43" customWidth="1"/>
    <col min="6146" max="6146" width="4.33203125" style="43" customWidth="1"/>
    <col min="6147" max="6147" width="11.83203125" style="43" customWidth="1"/>
    <col min="6148" max="6148" width="4.33203125" style="43" customWidth="1"/>
    <col min="6149" max="6149" width="11.83203125" style="43" customWidth="1"/>
    <col min="6150" max="6150" width="4.33203125" style="43" customWidth="1"/>
    <col min="6151" max="6151" width="11.83203125" style="43" customWidth="1"/>
    <col min="6152" max="6152" width="4.33203125" style="43" customWidth="1"/>
    <col min="6153" max="6153" width="11.83203125" style="43" customWidth="1"/>
    <col min="6154" max="6154" width="4.33203125" style="43" customWidth="1"/>
    <col min="6155" max="6155" width="11.83203125" style="43" customWidth="1"/>
    <col min="6156" max="6156" width="4.33203125" style="43" customWidth="1"/>
    <col min="6157" max="6157" width="11.83203125" style="43" customWidth="1"/>
    <col min="6158" max="6158" width="4.33203125" style="43" customWidth="1"/>
    <col min="6159" max="6159" width="11.83203125" style="43" customWidth="1"/>
    <col min="6160" max="6160" width="4.33203125" style="43" customWidth="1"/>
    <col min="6161" max="6161" width="11.83203125" style="43" customWidth="1"/>
    <col min="6162" max="6162" width="4.33203125" style="43" customWidth="1"/>
    <col min="6163" max="6163" width="11.83203125" style="43" customWidth="1"/>
    <col min="6164" max="6164" width="4.33203125" style="43" customWidth="1"/>
    <col min="6165" max="6165" width="11.83203125" style="43" customWidth="1"/>
    <col min="6166" max="6166" width="4.33203125" style="43" customWidth="1"/>
    <col min="6167" max="6167" width="11.83203125" style="43" customWidth="1"/>
    <col min="6168" max="6168" width="4.33203125" style="43" customWidth="1"/>
    <col min="6169" max="6169" width="11.83203125" style="43" customWidth="1"/>
    <col min="6170" max="6170" width="4.33203125" style="43" customWidth="1"/>
    <col min="6171" max="6171" width="11.83203125" style="43" customWidth="1"/>
    <col min="6172" max="6172" width="4.33203125" style="43" customWidth="1"/>
    <col min="6173" max="6173" width="11.83203125" style="43" customWidth="1"/>
    <col min="6174" max="6174" width="4.33203125" style="43" customWidth="1"/>
    <col min="6175" max="6175" width="11.83203125" style="43" customWidth="1"/>
    <col min="6176" max="6176" width="4.33203125" style="43" customWidth="1"/>
    <col min="6177" max="6177" width="11.83203125" style="43" customWidth="1"/>
    <col min="6178" max="6178" width="4.33203125" style="43" customWidth="1"/>
    <col min="6179" max="6179" width="11.83203125" style="43" customWidth="1"/>
    <col min="6180" max="6180" width="4.33203125" style="43" customWidth="1"/>
    <col min="6181" max="6181" width="11.83203125" style="43" customWidth="1"/>
    <col min="6182" max="6182" width="4.33203125" style="43" customWidth="1"/>
    <col min="6183" max="6183" width="11.83203125" style="43" customWidth="1"/>
    <col min="6184" max="6184" width="4.33203125" style="43" customWidth="1"/>
    <col min="6185" max="6185" width="11.83203125" style="43" customWidth="1"/>
    <col min="6186" max="6186" width="4.33203125" style="43" customWidth="1"/>
    <col min="6187" max="6187" width="11.83203125" style="43" customWidth="1"/>
    <col min="6188" max="6188" width="4.33203125" style="43" customWidth="1"/>
    <col min="6189" max="6189" width="11.83203125" style="43" customWidth="1"/>
    <col min="6190" max="6190" width="4.33203125" style="43" customWidth="1"/>
    <col min="6191" max="6191" width="11.83203125" style="43" customWidth="1"/>
    <col min="6192" max="6192" width="4.33203125" style="43" customWidth="1"/>
    <col min="6193" max="6193" width="11.83203125" style="43" customWidth="1"/>
    <col min="6194" max="6194" width="4.33203125" style="43" customWidth="1"/>
    <col min="6195" max="6195" width="11.83203125" style="43" customWidth="1"/>
    <col min="6196" max="6196" width="4.33203125" style="43" customWidth="1"/>
    <col min="6197" max="6197" width="11.83203125" style="43" customWidth="1"/>
    <col min="6198" max="6198" width="4.33203125" style="43" customWidth="1"/>
    <col min="6199" max="6199" width="11.83203125" style="43" customWidth="1"/>
    <col min="6200" max="6200" width="4.33203125" style="43" customWidth="1"/>
    <col min="6201" max="6201" width="11.83203125" style="43" customWidth="1"/>
    <col min="6202" max="6202" width="4.33203125" style="43" customWidth="1"/>
    <col min="6203" max="6203" width="11.83203125" style="43" customWidth="1"/>
    <col min="6204" max="6204" width="4.33203125" style="43" customWidth="1"/>
    <col min="6205" max="6205" width="11.83203125" style="43" customWidth="1"/>
    <col min="6206" max="6206" width="4.33203125" style="43" customWidth="1"/>
    <col min="6207" max="6207" width="11.83203125" style="43" customWidth="1"/>
    <col min="6208" max="6208" width="4.33203125" style="43" customWidth="1"/>
    <col min="6209" max="6209" width="11.83203125" style="43" customWidth="1"/>
    <col min="6210" max="6210" width="4.33203125" style="43" customWidth="1"/>
    <col min="6211" max="6211" width="11.83203125" style="43" customWidth="1"/>
    <col min="6212" max="6212" width="4.33203125" style="43" customWidth="1"/>
    <col min="6213" max="6213" width="11.83203125" style="43" customWidth="1"/>
    <col min="6214" max="6214" width="4.33203125" style="43" customWidth="1"/>
    <col min="6215" max="6215" width="11.83203125" style="43" customWidth="1"/>
    <col min="6216" max="6216" width="4.33203125" style="43" customWidth="1"/>
    <col min="6217" max="6217" width="11.83203125" style="43" customWidth="1"/>
    <col min="6218" max="6308" width="5.33203125" style="43" customWidth="1"/>
    <col min="6309" max="6314" width="1.33203125" style="43" customWidth="1"/>
    <col min="6315" max="6315" width="8.08203125" style="43" customWidth="1"/>
    <col min="6316" max="6316" width="4.33203125" style="43" customWidth="1"/>
    <col min="6317" max="6317" width="11.83203125" style="43" customWidth="1"/>
    <col min="6318" max="6318" width="4.33203125" style="43" customWidth="1"/>
    <col min="6319" max="6319" width="11.83203125" style="43" customWidth="1"/>
    <col min="6320" max="6320" width="4.33203125" style="43" customWidth="1"/>
    <col min="6321" max="6321" width="11.83203125" style="43" customWidth="1"/>
    <col min="6322" max="6322" width="4.33203125" style="43" customWidth="1"/>
    <col min="6323" max="6323" width="11.83203125" style="43" customWidth="1"/>
    <col min="6324" max="6324" width="4.33203125" style="43" customWidth="1"/>
    <col min="6325" max="6325" width="11.83203125" style="43" customWidth="1"/>
    <col min="6326" max="6326" width="4.33203125" style="43" customWidth="1"/>
    <col min="6327" max="6327" width="11.83203125" style="43" customWidth="1"/>
    <col min="6328" max="6328" width="4.33203125" style="43" customWidth="1"/>
    <col min="6329" max="6329" width="11.83203125" style="43" customWidth="1"/>
    <col min="6330" max="6330" width="4.33203125" style="43" customWidth="1"/>
    <col min="6331" max="6331" width="11.83203125" style="43" customWidth="1"/>
    <col min="6332" max="6332" width="4.33203125" style="43" customWidth="1"/>
    <col min="6333" max="6333" width="11.83203125" style="43" customWidth="1"/>
    <col min="6334" max="6334" width="4.33203125" style="43" customWidth="1"/>
    <col min="6335" max="6335" width="11.83203125" style="43" customWidth="1"/>
    <col min="6336" max="6336" width="4.33203125" style="43" customWidth="1"/>
    <col min="6337" max="6337" width="11.83203125" style="43" customWidth="1"/>
    <col min="6338" max="6338" width="4.33203125" style="43" customWidth="1"/>
    <col min="6339" max="6339" width="11.83203125" style="43" customWidth="1"/>
    <col min="6340" max="6340" width="4.33203125" style="43" customWidth="1"/>
    <col min="6341" max="6341" width="11.83203125" style="43" customWidth="1"/>
    <col min="6342" max="6342" width="4.33203125" style="43" customWidth="1"/>
    <col min="6343" max="6343" width="11.83203125" style="43" customWidth="1"/>
    <col min="6344" max="6344" width="4.33203125" style="43" customWidth="1"/>
    <col min="6345" max="6345" width="11.83203125" style="43" customWidth="1"/>
    <col min="6346" max="6346" width="4.33203125" style="43" customWidth="1"/>
    <col min="6347" max="6347" width="11.83203125" style="43" customWidth="1"/>
    <col min="6348" max="6348" width="4.33203125" style="43" customWidth="1"/>
    <col min="6349" max="6349" width="11.83203125" style="43" customWidth="1"/>
    <col min="6350" max="6350" width="4.33203125" style="43" customWidth="1"/>
    <col min="6351" max="6352" width="4.33203125" style="43"/>
    <col min="6353" max="6356" width="1.33203125" style="43" customWidth="1"/>
    <col min="6357" max="6357" width="8.08203125" style="43" customWidth="1"/>
    <col min="6358" max="6358" width="4.33203125" style="43" customWidth="1"/>
    <col min="6359" max="6359" width="11.83203125" style="43" customWidth="1"/>
    <col min="6360" max="6360" width="4.33203125" style="43" customWidth="1"/>
    <col min="6361" max="6361" width="11.83203125" style="43" customWidth="1"/>
    <col min="6362" max="6362" width="4.33203125" style="43" customWidth="1"/>
    <col min="6363" max="6363" width="11.83203125" style="43" customWidth="1"/>
    <col min="6364" max="6364" width="4.33203125" style="43" customWidth="1"/>
    <col min="6365" max="6365" width="11.83203125" style="43" customWidth="1"/>
    <col min="6366" max="6366" width="4.33203125" style="43" customWidth="1"/>
    <col min="6367" max="6367" width="11.83203125" style="43" customWidth="1"/>
    <col min="6368" max="6368" width="4.33203125" style="43" customWidth="1"/>
    <col min="6369" max="6369" width="11.83203125" style="43" customWidth="1"/>
    <col min="6370" max="6370" width="4.33203125" style="43" customWidth="1"/>
    <col min="6371" max="6371" width="11.83203125" style="43" customWidth="1"/>
    <col min="6372" max="6372" width="4.33203125" style="43" customWidth="1"/>
    <col min="6373" max="6373" width="11.83203125" style="43" customWidth="1"/>
    <col min="6374" max="6374" width="4.33203125" style="43" customWidth="1"/>
    <col min="6375" max="6375" width="11.83203125" style="43" customWidth="1"/>
    <col min="6376" max="6376" width="4.33203125" style="43" customWidth="1"/>
    <col min="6377" max="6377" width="11.83203125" style="43" customWidth="1"/>
    <col min="6378" max="6378" width="4.33203125" style="43" customWidth="1"/>
    <col min="6379" max="6379" width="11.83203125" style="43" customWidth="1"/>
    <col min="6380" max="6380" width="4.33203125" style="43" customWidth="1"/>
    <col min="6381" max="6381" width="11.83203125" style="43" customWidth="1"/>
    <col min="6382" max="6382" width="4.33203125" style="43" customWidth="1"/>
    <col min="6383" max="6383" width="11.83203125" style="43" customWidth="1"/>
    <col min="6384" max="6384" width="4.33203125" style="43" customWidth="1"/>
    <col min="6385" max="6385" width="11.83203125" style="43" customWidth="1"/>
    <col min="6386" max="6386" width="4.33203125" style="43" customWidth="1"/>
    <col min="6387" max="6387" width="11.83203125" style="43" customWidth="1"/>
    <col min="6388" max="6388" width="4.33203125" style="43" customWidth="1"/>
    <col min="6389" max="6389" width="11.83203125" style="43" customWidth="1"/>
    <col min="6390" max="6390" width="4.33203125" style="43" customWidth="1"/>
    <col min="6391" max="6391" width="11.83203125" style="43" customWidth="1"/>
    <col min="6392" max="6392" width="4.33203125" style="43" customWidth="1"/>
    <col min="6393" max="6393" width="11.83203125" style="43" customWidth="1"/>
    <col min="6394" max="6394" width="4.33203125" style="43" customWidth="1"/>
    <col min="6395" max="6395" width="11.83203125" style="43" customWidth="1"/>
    <col min="6396" max="6396" width="4.33203125" style="43" customWidth="1"/>
    <col min="6397" max="6397" width="11.83203125" style="43" customWidth="1"/>
    <col min="6398" max="6398" width="4.33203125" style="43" customWidth="1"/>
    <col min="6399" max="6399" width="11.83203125" style="43" customWidth="1"/>
    <col min="6400" max="6400" width="4.33203125" style="43"/>
    <col min="6401" max="6401" width="11.83203125" style="43" customWidth="1"/>
    <col min="6402" max="6402" width="4.33203125" style="43" customWidth="1"/>
    <col min="6403" max="6403" width="11.83203125" style="43" customWidth="1"/>
    <col min="6404" max="6404" width="4.33203125" style="43" customWidth="1"/>
    <col min="6405" max="6405" width="11.83203125" style="43" customWidth="1"/>
    <col min="6406" max="6406" width="4.33203125" style="43" customWidth="1"/>
    <col min="6407" max="6407" width="11.83203125" style="43" customWidth="1"/>
    <col min="6408" max="6408" width="4.33203125" style="43" customWidth="1"/>
    <col min="6409" max="6409" width="11.83203125" style="43" customWidth="1"/>
    <col min="6410" max="6410" width="4.33203125" style="43" customWidth="1"/>
    <col min="6411" max="6411" width="11.83203125" style="43" customWidth="1"/>
    <col min="6412" max="6412" width="4.33203125" style="43" customWidth="1"/>
    <col min="6413" max="6413" width="11.83203125" style="43" customWidth="1"/>
    <col min="6414" max="6414" width="4.33203125" style="43" customWidth="1"/>
    <col min="6415" max="6415" width="11.83203125" style="43" customWidth="1"/>
    <col min="6416" max="6416" width="4.33203125" style="43" customWidth="1"/>
    <col min="6417" max="6417" width="11.83203125" style="43" customWidth="1"/>
    <col min="6418" max="6418" width="4.33203125" style="43" customWidth="1"/>
    <col min="6419" max="6419" width="11.83203125" style="43" customWidth="1"/>
    <col min="6420" max="6420" width="4.33203125" style="43" customWidth="1"/>
    <col min="6421" max="6421" width="11.83203125" style="43" customWidth="1"/>
    <col min="6422" max="6422" width="4.33203125" style="43" customWidth="1"/>
    <col min="6423" max="6423" width="11.83203125" style="43" customWidth="1"/>
    <col min="6424" max="6424" width="4.33203125" style="43" customWidth="1"/>
    <col min="6425" max="6425" width="11.83203125" style="43" customWidth="1"/>
    <col min="6426" max="6426" width="4.33203125" style="43" customWidth="1"/>
    <col min="6427" max="6427" width="11.83203125" style="43" customWidth="1"/>
    <col min="6428" max="6428" width="4.33203125" style="43" customWidth="1"/>
    <col min="6429" max="6429" width="11.83203125" style="43" customWidth="1"/>
    <col min="6430" max="6430" width="4.33203125" style="43" customWidth="1"/>
    <col min="6431" max="6431" width="11.83203125" style="43" customWidth="1"/>
    <col min="6432" max="6432" width="4.33203125" style="43" customWidth="1"/>
    <col min="6433" max="6433" width="11.83203125" style="43" customWidth="1"/>
    <col min="6434" max="6434" width="4.33203125" style="43" customWidth="1"/>
    <col min="6435" max="6435" width="11.83203125" style="43" customWidth="1"/>
    <col min="6436" max="6436" width="4.33203125" style="43" customWidth="1"/>
    <col min="6437" max="6437" width="11.83203125" style="43" customWidth="1"/>
    <col min="6438" max="6438" width="4.33203125" style="43" customWidth="1"/>
    <col min="6439" max="6439" width="11.83203125" style="43" customWidth="1"/>
    <col min="6440" max="6440" width="4.33203125" style="43" customWidth="1"/>
    <col min="6441" max="6441" width="11.83203125" style="43" customWidth="1"/>
    <col min="6442" max="6442" width="4.33203125" style="43" customWidth="1"/>
    <col min="6443" max="6443" width="11.83203125" style="43" customWidth="1"/>
    <col min="6444" max="6444" width="4.33203125" style="43" customWidth="1"/>
    <col min="6445" max="6445" width="11.83203125" style="43" customWidth="1"/>
    <col min="6446" max="6446" width="4.33203125" style="43" customWidth="1"/>
    <col min="6447" max="6447" width="11.83203125" style="43" customWidth="1"/>
    <col min="6448" max="6448" width="4.33203125" style="43" customWidth="1"/>
    <col min="6449" max="6449" width="11.83203125" style="43" customWidth="1"/>
    <col min="6450" max="6450" width="4.33203125" style="43" customWidth="1"/>
    <col min="6451" max="6451" width="11.83203125" style="43" customWidth="1"/>
    <col min="6452" max="6452" width="4.33203125" style="43" customWidth="1"/>
    <col min="6453" max="6453" width="11.83203125" style="43" customWidth="1"/>
    <col min="6454" max="6454" width="4.33203125" style="43" customWidth="1"/>
    <col min="6455" max="6455" width="11.83203125" style="43" customWidth="1"/>
    <col min="6456" max="6456" width="4.33203125" style="43" customWidth="1"/>
    <col min="6457" max="6457" width="11.83203125" style="43" customWidth="1"/>
    <col min="6458" max="6458" width="4.33203125" style="43" customWidth="1"/>
    <col min="6459" max="6459" width="11.83203125" style="43" customWidth="1"/>
    <col min="6460" max="6460" width="4.33203125" style="43" customWidth="1"/>
    <col min="6461" max="6461" width="11.83203125" style="43" customWidth="1"/>
    <col min="6462" max="6462" width="4.33203125" style="43" customWidth="1"/>
    <col min="6463" max="6463" width="11.83203125" style="43" customWidth="1"/>
    <col min="6464" max="6464" width="4.33203125" style="43" customWidth="1"/>
    <col min="6465" max="6465" width="11.83203125" style="43" customWidth="1"/>
    <col min="6466" max="6466" width="4.33203125" style="43" customWidth="1"/>
    <col min="6467" max="6467" width="11.83203125" style="43" customWidth="1"/>
    <col min="6468" max="6468" width="4.33203125" style="43" customWidth="1"/>
    <col min="6469" max="6469" width="11.83203125" style="43" customWidth="1"/>
    <col min="6470" max="6470" width="4.33203125" style="43" customWidth="1"/>
    <col min="6471" max="6471" width="11.83203125" style="43" customWidth="1"/>
    <col min="6472" max="6472" width="4.33203125" style="43" customWidth="1"/>
    <col min="6473" max="6473" width="11.83203125" style="43" customWidth="1"/>
    <col min="6474" max="6564" width="5.33203125" style="43" customWidth="1"/>
    <col min="6565" max="6570" width="1.33203125" style="43" customWidth="1"/>
    <col min="6571" max="6571" width="8.08203125" style="43" customWidth="1"/>
    <col min="6572" max="6572" width="4.33203125" style="43" customWidth="1"/>
    <col min="6573" max="6573" width="11.83203125" style="43" customWidth="1"/>
    <col min="6574" max="6574" width="4.33203125" style="43" customWidth="1"/>
    <col min="6575" max="6575" width="11.83203125" style="43" customWidth="1"/>
    <col min="6576" max="6576" width="4.33203125" style="43" customWidth="1"/>
    <col min="6577" max="6577" width="11.83203125" style="43" customWidth="1"/>
    <col min="6578" max="6578" width="4.33203125" style="43" customWidth="1"/>
    <col min="6579" max="6579" width="11.83203125" style="43" customWidth="1"/>
    <col min="6580" max="6580" width="4.33203125" style="43" customWidth="1"/>
    <col min="6581" max="6581" width="11.83203125" style="43" customWidth="1"/>
    <col min="6582" max="6582" width="4.33203125" style="43" customWidth="1"/>
    <col min="6583" max="6583" width="11.83203125" style="43" customWidth="1"/>
    <col min="6584" max="6584" width="4.33203125" style="43" customWidth="1"/>
    <col min="6585" max="6585" width="11.83203125" style="43" customWidth="1"/>
    <col min="6586" max="6586" width="4.33203125" style="43" customWidth="1"/>
    <col min="6587" max="6587" width="11.83203125" style="43" customWidth="1"/>
    <col min="6588" max="6588" width="4.33203125" style="43" customWidth="1"/>
    <col min="6589" max="6589" width="11.83203125" style="43" customWidth="1"/>
    <col min="6590" max="6590" width="4.33203125" style="43" customWidth="1"/>
    <col min="6591" max="6591" width="11.83203125" style="43" customWidth="1"/>
    <col min="6592" max="6592" width="4.33203125" style="43" customWidth="1"/>
    <col min="6593" max="6593" width="11.83203125" style="43" customWidth="1"/>
    <col min="6594" max="6594" width="4.33203125" style="43" customWidth="1"/>
    <col min="6595" max="6595" width="11.83203125" style="43" customWidth="1"/>
    <col min="6596" max="6596" width="4.33203125" style="43" customWidth="1"/>
    <col min="6597" max="6597" width="11.83203125" style="43" customWidth="1"/>
    <col min="6598" max="6598" width="4.33203125" style="43" customWidth="1"/>
    <col min="6599" max="6599" width="11.83203125" style="43" customWidth="1"/>
    <col min="6600" max="6600" width="4.33203125" style="43" customWidth="1"/>
    <col min="6601" max="6601" width="11.83203125" style="43" customWidth="1"/>
    <col min="6602" max="6602" width="4.33203125" style="43" customWidth="1"/>
    <col min="6603" max="6603" width="11.83203125" style="43" customWidth="1"/>
    <col min="6604" max="6604" width="4.33203125" style="43" customWidth="1"/>
    <col min="6605" max="6605" width="11.83203125" style="43" customWidth="1"/>
    <col min="6606" max="6606" width="4.33203125" style="43" customWidth="1"/>
    <col min="6607" max="6608" width="4.33203125" style="43"/>
    <col min="6609" max="6612" width="1.33203125" style="43" customWidth="1"/>
    <col min="6613" max="6613" width="8.08203125" style="43" customWidth="1"/>
    <col min="6614" max="6614" width="4.33203125" style="43" customWidth="1"/>
    <col min="6615" max="6615" width="11.83203125" style="43" customWidth="1"/>
    <col min="6616" max="6616" width="4.33203125" style="43" customWidth="1"/>
    <col min="6617" max="6617" width="11.83203125" style="43" customWidth="1"/>
    <col min="6618" max="6618" width="4.33203125" style="43" customWidth="1"/>
    <col min="6619" max="6619" width="11.83203125" style="43" customWidth="1"/>
    <col min="6620" max="6620" width="4.33203125" style="43" customWidth="1"/>
    <col min="6621" max="6621" width="11.83203125" style="43" customWidth="1"/>
    <col min="6622" max="6622" width="4.33203125" style="43" customWidth="1"/>
    <col min="6623" max="6623" width="11.83203125" style="43" customWidth="1"/>
    <col min="6624" max="6624" width="4.33203125" style="43" customWidth="1"/>
    <col min="6625" max="6625" width="11.83203125" style="43" customWidth="1"/>
    <col min="6626" max="6626" width="4.33203125" style="43" customWidth="1"/>
    <col min="6627" max="6627" width="11.83203125" style="43" customWidth="1"/>
    <col min="6628" max="6628" width="4.33203125" style="43" customWidth="1"/>
    <col min="6629" max="6629" width="11.83203125" style="43" customWidth="1"/>
    <col min="6630" max="6630" width="4.33203125" style="43" customWidth="1"/>
    <col min="6631" max="6631" width="11.83203125" style="43" customWidth="1"/>
    <col min="6632" max="6632" width="4.33203125" style="43" customWidth="1"/>
    <col min="6633" max="6633" width="11.83203125" style="43" customWidth="1"/>
    <col min="6634" max="6634" width="4.33203125" style="43" customWidth="1"/>
    <col min="6635" max="6635" width="11.83203125" style="43" customWidth="1"/>
    <col min="6636" max="6636" width="4.33203125" style="43" customWidth="1"/>
    <col min="6637" max="6637" width="11.83203125" style="43" customWidth="1"/>
    <col min="6638" max="6638" width="4.33203125" style="43" customWidth="1"/>
    <col min="6639" max="6639" width="11.83203125" style="43" customWidth="1"/>
    <col min="6640" max="6640" width="4.33203125" style="43" customWidth="1"/>
    <col min="6641" max="6641" width="11.83203125" style="43" customWidth="1"/>
    <col min="6642" max="6642" width="4.33203125" style="43" customWidth="1"/>
    <col min="6643" max="6643" width="11.83203125" style="43" customWidth="1"/>
    <col min="6644" max="6644" width="4.33203125" style="43" customWidth="1"/>
    <col min="6645" max="6645" width="11.83203125" style="43" customWidth="1"/>
    <col min="6646" max="6646" width="4.33203125" style="43" customWidth="1"/>
    <col min="6647" max="6647" width="11.83203125" style="43" customWidth="1"/>
    <col min="6648" max="6648" width="4.33203125" style="43" customWidth="1"/>
    <col min="6649" max="6649" width="11.83203125" style="43" customWidth="1"/>
    <col min="6650" max="6650" width="4.33203125" style="43" customWidth="1"/>
    <col min="6651" max="6651" width="11.83203125" style="43" customWidth="1"/>
    <col min="6652" max="6652" width="4.33203125" style="43" customWidth="1"/>
    <col min="6653" max="6653" width="11.83203125" style="43" customWidth="1"/>
    <col min="6654" max="6654" width="4.33203125" style="43" customWidth="1"/>
    <col min="6655" max="6655" width="11.83203125" style="43" customWidth="1"/>
    <col min="6656" max="6656" width="4.33203125" style="43"/>
    <col min="6657" max="6657" width="11.83203125" style="43" customWidth="1"/>
    <col min="6658" max="6658" width="4.33203125" style="43" customWidth="1"/>
    <col min="6659" max="6659" width="11.83203125" style="43" customWidth="1"/>
    <col min="6660" max="6660" width="4.33203125" style="43" customWidth="1"/>
    <col min="6661" max="6661" width="11.83203125" style="43" customWidth="1"/>
    <col min="6662" max="6662" width="4.33203125" style="43" customWidth="1"/>
    <col min="6663" max="6663" width="11.83203125" style="43" customWidth="1"/>
    <col min="6664" max="6664" width="4.33203125" style="43" customWidth="1"/>
    <col min="6665" max="6665" width="11.83203125" style="43" customWidth="1"/>
    <col min="6666" max="6666" width="4.33203125" style="43" customWidth="1"/>
    <col min="6667" max="6667" width="11.83203125" style="43" customWidth="1"/>
    <col min="6668" max="6668" width="4.33203125" style="43" customWidth="1"/>
    <col min="6669" max="6669" width="11.83203125" style="43" customWidth="1"/>
    <col min="6670" max="6670" width="4.33203125" style="43" customWidth="1"/>
    <col min="6671" max="6671" width="11.83203125" style="43" customWidth="1"/>
    <col min="6672" max="6672" width="4.33203125" style="43" customWidth="1"/>
    <col min="6673" max="6673" width="11.83203125" style="43" customWidth="1"/>
    <col min="6674" max="6674" width="4.33203125" style="43" customWidth="1"/>
    <col min="6675" max="6675" width="11.83203125" style="43" customWidth="1"/>
    <col min="6676" max="6676" width="4.33203125" style="43" customWidth="1"/>
    <col min="6677" max="6677" width="11.83203125" style="43" customWidth="1"/>
    <col min="6678" max="6678" width="4.33203125" style="43" customWidth="1"/>
    <col min="6679" max="6679" width="11.83203125" style="43" customWidth="1"/>
    <col min="6680" max="6680" width="4.33203125" style="43" customWidth="1"/>
    <col min="6681" max="6681" width="11.83203125" style="43" customWidth="1"/>
    <col min="6682" max="6682" width="4.33203125" style="43" customWidth="1"/>
    <col min="6683" max="6683" width="11.83203125" style="43" customWidth="1"/>
    <col min="6684" max="6684" width="4.33203125" style="43" customWidth="1"/>
    <col min="6685" max="6685" width="11.83203125" style="43" customWidth="1"/>
    <col min="6686" max="6686" width="4.33203125" style="43" customWidth="1"/>
    <col min="6687" max="6687" width="11.83203125" style="43" customWidth="1"/>
    <col min="6688" max="6688" width="4.33203125" style="43" customWidth="1"/>
    <col min="6689" max="6689" width="11.83203125" style="43" customWidth="1"/>
    <col min="6690" max="6690" width="4.33203125" style="43" customWidth="1"/>
    <col min="6691" max="6691" width="11.83203125" style="43" customWidth="1"/>
    <col min="6692" max="6692" width="4.33203125" style="43" customWidth="1"/>
    <col min="6693" max="6693" width="11.83203125" style="43" customWidth="1"/>
    <col min="6694" max="6694" width="4.33203125" style="43" customWidth="1"/>
    <col min="6695" max="6695" width="11.83203125" style="43" customWidth="1"/>
    <col min="6696" max="6696" width="4.33203125" style="43" customWidth="1"/>
    <col min="6697" max="6697" width="11.83203125" style="43" customWidth="1"/>
    <col min="6698" max="6698" width="4.33203125" style="43" customWidth="1"/>
    <col min="6699" max="6699" width="11.83203125" style="43" customWidth="1"/>
    <col min="6700" max="6700" width="4.33203125" style="43" customWidth="1"/>
    <col min="6701" max="6701" width="11.83203125" style="43" customWidth="1"/>
    <col min="6702" max="6702" width="4.33203125" style="43" customWidth="1"/>
    <col min="6703" max="6703" width="11.83203125" style="43" customWidth="1"/>
    <col min="6704" max="6704" width="4.33203125" style="43" customWidth="1"/>
    <col min="6705" max="6705" width="11.83203125" style="43" customWidth="1"/>
    <col min="6706" max="6706" width="4.33203125" style="43" customWidth="1"/>
    <col min="6707" max="6707" width="11.83203125" style="43" customWidth="1"/>
    <col min="6708" max="6708" width="4.33203125" style="43" customWidth="1"/>
    <col min="6709" max="6709" width="11.83203125" style="43" customWidth="1"/>
    <col min="6710" max="6710" width="4.33203125" style="43" customWidth="1"/>
    <col min="6711" max="6711" width="11.83203125" style="43" customWidth="1"/>
    <col min="6712" max="6712" width="4.33203125" style="43" customWidth="1"/>
    <col min="6713" max="6713" width="11.83203125" style="43" customWidth="1"/>
    <col min="6714" max="6714" width="4.33203125" style="43" customWidth="1"/>
    <col min="6715" max="6715" width="11.83203125" style="43" customWidth="1"/>
    <col min="6716" max="6716" width="4.33203125" style="43" customWidth="1"/>
    <col min="6717" max="6717" width="11.83203125" style="43" customWidth="1"/>
    <col min="6718" max="6718" width="4.33203125" style="43" customWidth="1"/>
    <col min="6719" max="6719" width="11.83203125" style="43" customWidth="1"/>
    <col min="6720" max="6720" width="4.33203125" style="43" customWidth="1"/>
    <col min="6721" max="6721" width="11.83203125" style="43" customWidth="1"/>
    <col min="6722" max="6722" width="4.33203125" style="43" customWidth="1"/>
    <col min="6723" max="6723" width="11.83203125" style="43" customWidth="1"/>
    <col min="6724" max="6724" width="4.33203125" style="43" customWidth="1"/>
    <col min="6725" max="6725" width="11.83203125" style="43" customWidth="1"/>
    <col min="6726" max="6726" width="4.33203125" style="43" customWidth="1"/>
    <col min="6727" max="6727" width="11.83203125" style="43" customWidth="1"/>
    <col min="6728" max="6728" width="4.33203125" style="43" customWidth="1"/>
    <col min="6729" max="6729" width="11.83203125" style="43" customWidth="1"/>
    <col min="6730" max="6820" width="5.33203125" style="43" customWidth="1"/>
    <col min="6821" max="6826" width="1.33203125" style="43" customWidth="1"/>
    <col min="6827" max="6827" width="8.08203125" style="43" customWidth="1"/>
    <col min="6828" max="6828" width="4.33203125" style="43" customWidth="1"/>
    <col min="6829" max="6829" width="11.83203125" style="43" customWidth="1"/>
    <col min="6830" max="6830" width="4.33203125" style="43" customWidth="1"/>
    <col min="6831" max="6831" width="11.83203125" style="43" customWidth="1"/>
    <col min="6832" max="6832" width="4.33203125" style="43" customWidth="1"/>
    <col min="6833" max="6833" width="11.83203125" style="43" customWidth="1"/>
    <col min="6834" max="6834" width="4.33203125" style="43" customWidth="1"/>
    <col min="6835" max="6835" width="11.83203125" style="43" customWidth="1"/>
    <col min="6836" max="6836" width="4.33203125" style="43" customWidth="1"/>
    <col min="6837" max="6837" width="11.83203125" style="43" customWidth="1"/>
    <col min="6838" max="6838" width="4.33203125" style="43" customWidth="1"/>
    <col min="6839" max="6839" width="11.83203125" style="43" customWidth="1"/>
    <col min="6840" max="6840" width="4.33203125" style="43" customWidth="1"/>
    <col min="6841" max="6841" width="11.83203125" style="43" customWidth="1"/>
    <col min="6842" max="6842" width="4.33203125" style="43" customWidth="1"/>
    <col min="6843" max="6843" width="11.83203125" style="43" customWidth="1"/>
    <col min="6844" max="6844" width="4.33203125" style="43" customWidth="1"/>
    <col min="6845" max="6845" width="11.83203125" style="43" customWidth="1"/>
    <col min="6846" max="6846" width="4.33203125" style="43" customWidth="1"/>
    <col min="6847" max="6847" width="11.83203125" style="43" customWidth="1"/>
    <col min="6848" max="6848" width="4.33203125" style="43" customWidth="1"/>
    <col min="6849" max="6849" width="11.83203125" style="43" customWidth="1"/>
    <col min="6850" max="6850" width="4.33203125" style="43" customWidth="1"/>
    <col min="6851" max="6851" width="11.83203125" style="43" customWidth="1"/>
    <col min="6852" max="6852" width="4.33203125" style="43" customWidth="1"/>
    <col min="6853" max="6853" width="11.83203125" style="43" customWidth="1"/>
    <col min="6854" max="6854" width="4.33203125" style="43" customWidth="1"/>
    <col min="6855" max="6855" width="11.83203125" style="43" customWidth="1"/>
    <col min="6856" max="6856" width="4.33203125" style="43" customWidth="1"/>
    <col min="6857" max="6857" width="11.83203125" style="43" customWidth="1"/>
    <col min="6858" max="6858" width="4.33203125" style="43" customWidth="1"/>
    <col min="6859" max="6859" width="11.83203125" style="43" customWidth="1"/>
    <col min="6860" max="6860" width="4.33203125" style="43" customWidth="1"/>
    <col min="6861" max="6861" width="11.83203125" style="43" customWidth="1"/>
    <col min="6862" max="6862" width="4.33203125" style="43" customWidth="1"/>
    <col min="6863" max="6864" width="4.33203125" style="43"/>
    <col min="6865" max="6868" width="1.33203125" style="43" customWidth="1"/>
    <col min="6869" max="6869" width="8.08203125" style="43" customWidth="1"/>
    <col min="6870" max="6870" width="4.33203125" style="43" customWidth="1"/>
    <col min="6871" max="6871" width="11.83203125" style="43" customWidth="1"/>
    <col min="6872" max="6872" width="4.33203125" style="43" customWidth="1"/>
    <col min="6873" max="6873" width="11.83203125" style="43" customWidth="1"/>
    <col min="6874" max="6874" width="4.33203125" style="43" customWidth="1"/>
    <col min="6875" max="6875" width="11.83203125" style="43" customWidth="1"/>
    <col min="6876" max="6876" width="4.33203125" style="43" customWidth="1"/>
    <col min="6877" max="6877" width="11.83203125" style="43" customWidth="1"/>
    <col min="6878" max="6878" width="4.33203125" style="43" customWidth="1"/>
    <col min="6879" max="6879" width="11.83203125" style="43" customWidth="1"/>
    <col min="6880" max="6880" width="4.33203125" style="43" customWidth="1"/>
    <col min="6881" max="6881" width="11.83203125" style="43" customWidth="1"/>
    <col min="6882" max="6882" width="4.33203125" style="43" customWidth="1"/>
    <col min="6883" max="6883" width="11.83203125" style="43" customWidth="1"/>
    <col min="6884" max="6884" width="4.33203125" style="43" customWidth="1"/>
    <col min="6885" max="6885" width="11.83203125" style="43" customWidth="1"/>
    <col min="6886" max="6886" width="4.33203125" style="43" customWidth="1"/>
    <col min="6887" max="6887" width="11.83203125" style="43" customWidth="1"/>
    <col min="6888" max="6888" width="4.33203125" style="43" customWidth="1"/>
    <col min="6889" max="6889" width="11.83203125" style="43" customWidth="1"/>
    <col min="6890" max="6890" width="4.33203125" style="43" customWidth="1"/>
    <col min="6891" max="6891" width="11.83203125" style="43" customWidth="1"/>
    <col min="6892" max="6892" width="4.33203125" style="43" customWidth="1"/>
    <col min="6893" max="6893" width="11.83203125" style="43" customWidth="1"/>
    <col min="6894" max="6894" width="4.33203125" style="43" customWidth="1"/>
    <col min="6895" max="6895" width="11.83203125" style="43" customWidth="1"/>
    <col min="6896" max="6896" width="4.33203125" style="43" customWidth="1"/>
    <col min="6897" max="6897" width="11.83203125" style="43" customWidth="1"/>
    <col min="6898" max="6898" width="4.33203125" style="43" customWidth="1"/>
    <col min="6899" max="6899" width="11.83203125" style="43" customWidth="1"/>
    <col min="6900" max="6900" width="4.33203125" style="43" customWidth="1"/>
    <col min="6901" max="6901" width="11.83203125" style="43" customWidth="1"/>
    <col min="6902" max="6902" width="4.33203125" style="43" customWidth="1"/>
    <col min="6903" max="6903" width="11.83203125" style="43" customWidth="1"/>
    <col min="6904" max="6904" width="4.33203125" style="43" customWidth="1"/>
    <col min="6905" max="6905" width="11.83203125" style="43" customWidth="1"/>
    <col min="6906" max="6906" width="4.33203125" style="43" customWidth="1"/>
    <col min="6907" max="6907" width="11.83203125" style="43" customWidth="1"/>
    <col min="6908" max="6908" width="4.33203125" style="43" customWidth="1"/>
    <col min="6909" max="6909" width="11.83203125" style="43" customWidth="1"/>
    <col min="6910" max="6910" width="4.33203125" style="43" customWidth="1"/>
    <col min="6911" max="6911" width="11.83203125" style="43" customWidth="1"/>
    <col min="6912" max="6912" width="4.33203125" style="43"/>
    <col min="6913" max="6913" width="11.83203125" style="43" customWidth="1"/>
    <col min="6914" max="6914" width="4.33203125" style="43" customWidth="1"/>
    <col min="6915" max="6915" width="11.83203125" style="43" customWidth="1"/>
    <col min="6916" max="6916" width="4.33203125" style="43" customWidth="1"/>
    <col min="6917" max="6917" width="11.83203125" style="43" customWidth="1"/>
    <col min="6918" max="6918" width="4.33203125" style="43" customWidth="1"/>
    <col min="6919" max="6919" width="11.83203125" style="43" customWidth="1"/>
    <col min="6920" max="6920" width="4.33203125" style="43" customWidth="1"/>
    <col min="6921" max="6921" width="11.83203125" style="43" customWidth="1"/>
    <col min="6922" max="6922" width="4.33203125" style="43" customWidth="1"/>
    <col min="6923" max="6923" width="11.83203125" style="43" customWidth="1"/>
    <col min="6924" max="6924" width="4.33203125" style="43" customWidth="1"/>
    <col min="6925" max="6925" width="11.83203125" style="43" customWidth="1"/>
    <col min="6926" max="6926" width="4.33203125" style="43" customWidth="1"/>
    <col min="6927" max="6927" width="11.83203125" style="43" customWidth="1"/>
    <col min="6928" max="6928" width="4.33203125" style="43" customWidth="1"/>
    <col min="6929" max="6929" width="11.83203125" style="43" customWidth="1"/>
    <col min="6930" max="6930" width="4.33203125" style="43" customWidth="1"/>
    <col min="6931" max="6931" width="11.83203125" style="43" customWidth="1"/>
    <col min="6932" max="6932" width="4.33203125" style="43" customWidth="1"/>
    <col min="6933" max="6933" width="11.83203125" style="43" customWidth="1"/>
    <col min="6934" max="6934" width="4.33203125" style="43" customWidth="1"/>
    <col min="6935" max="6935" width="11.83203125" style="43" customWidth="1"/>
    <col min="6936" max="6936" width="4.33203125" style="43" customWidth="1"/>
    <col min="6937" max="6937" width="11.83203125" style="43" customWidth="1"/>
    <col min="6938" max="6938" width="4.33203125" style="43" customWidth="1"/>
    <col min="6939" max="6939" width="11.83203125" style="43" customWidth="1"/>
    <col min="6940" max="6940" width="4.33203125" style="43" customWidth="1"/>
    <col min="6941" max="6941" width="11.83203125" style="43" customWidth="1"/>
    <col min="6942" max="6942" width="4.33203125" style="43" customWidth="1"/>
    <col min="6943" max="6943" width="11.83203125" style="43" customWidth="1"/>
    <col min="6944" max="6944" width="4.33203125" style="43" customWidth="1"/>
    <col min="6945" max="6945" width="11.83203125" style="43" customWidth="1"/>
    <col min="6946" max="6946" width="4.33203125" style="43" customWidth="1"/>
    <col min="6947" max="6947" width="11.83203125" style="43" customWidth="1"/>
    <col min="6948" max="6948" width="4.33203125" style="43" customWidth="1"/>
    <col min="6949" max="6949" width="11.83203125" style="43" customWidth="1"/>
    <col min="6950" max="6950" width="4.33203125" style="43" customWidth="1"/>
    <col min="6951" max="6951" width="11.83203125" style="43" customWidth="1"/>
    <col min="6952" max="6952" width="4.33203125" style="43" customWidth="1"/>
    <col min="6953" max="6953" width="11.83203125" style="43" customWidth="1"/>
    <col min="6954" max="6954" width="4.33203125" style="43" customWidth="1"/>
    <col min="6955" max="6955" width="11.83203125" style="43" customWidth="1"/>
    <col min="6956" max="6956" width="4.33203125" style="43" customWidth="1"/>
    <col min="6957" max="6957" width="11.83203125" style="43" customWidth="1"/>
    <col min="6958" max="6958" width="4.33203125" style="43" customWidth="1"/>
    <col min="6959" max="6959" width="11.83203125" style="43" customWidth="1"/>
    <col min="6960" max="6960" width="4.33203125" style="43" customWidth="1"/>
    <col min="6961" max="6961" width="11.83203125" style="43" customWidth="1"/>
    <col min="6962" max="6962" width="4.33203125" style="43" customWidth="1"/>
    <col min="6963" max="6963" width="11.83203125" style="43" customWidth="1"/>
    <col min="6964" max="6964" width="4.33203125" style="43" customWidth="1"/>
    <col min="6965" max="6965" width="11.83203125" style="43" customWidth="1"/>
    <col min="6966" max="6966" width="4.33203125" style="43" customWidth="1"/>
    <col min="6967" max="6967" width="11.83203125" style="43" customWidth="1"/>
    <col min="6968" max="6968" width="4.33203125" style="43" customWidth="1"/>
    <col min="6969" max="6969" width="11.83203125" style="43" customWidth="1"/>
    <col min="6970" max="6970" width="4.33203125" style="43" customWidth="1"/>
    <col min="6971" max="6971" width="11.83203125" style="43" customWidth="1"/>
    <col min="6972" max="6972" width="4.33203125" style="43" customWidth="1"/>
    <col min="6973" max="6973" width="11.83203125" style="43" customWidth="1"/>
    <col min="6974" max="6974" width="4.33203125" style="43" customWidth="1"/>
    <col min="6975" max="6975" width="11.83203125" style="43" customWidth="1"/>
    <col min="6976" max="6976" width="4.33203125" style="43" customWidth="1"/>
    <col min="6977" max="6977" width="11.83203125" style="43" customWidth="1"/>
    <col min="6978" max="6978" width="4.33203125" style="43" customWidth="1"/>
    <col min="6979" max="6979" width="11.83203125" style="43" customWidth="1"/>
    <col min="6980" max="6980" width="4.33203125" style="43" customWidth="1"/>
    <col min="6981" max="6981" width="11.83203125" style="43" customWidth="1"/>
    <col min="6982" max="6982" width="4.33203125" style="43" customWidth="1"/>
    <col min="6983" max="6983" width="11.83203125" style="43" customWidth="1"/>
    <col min="6984" max="6984" width="4.33203125" style="43" customWidth="1"/>
    <col min="6985" max="6985" width="11.83203125" style="43" customWidth="1"/>
    <col min="6986" max="7076" width="5.33203125" style="43" customWidth="1"/>
    <col min="7077" max="7082" width="1.33203125" style="43" customWidth="1"/>
    <col min="7083" max="7083" width="8.08203125" style="43" customWidth="1"/>
    <col min="7084" max="7084" width="4.33203125" style="43" customWidth="1"/>
    <col min="7085" max="7085" width="11.83203125" style="43" customWidth="1"/>
    <col min="7086" max="7086" width="4.33203125" style="43" customWidth="1"/>
    <col min="7087" max="7087" width="11.83203125" style="43" customWidth="1"/>
    <col min="7088" max="7088" width="4.33203125" style="43" customWidth="1"/>
    <col min="7089" max="7089" width="11.83203125" style="43" customWidth="1"/>
    <col min="7090" max="7090" width="4.33203125" style="43" customWidth="1"/>
    <col min="7091" max="7091" width="11.83203125" style="43" customWidth="1"/>
    <col min="7092" max="7092" width="4.33203125" style="43" customWidth="1"/>
    <col min="7093" max="7093" width="11.83203125" style="43" customWidth="1"/>
    <col min="7094" max="7094" width="4.33203125" style="43" customWidth="1"/>
    <col min="7095" max="7095" width="11.83203125" style="43" customWidth="1"/>
    <col min="7096" max="7096" width="4.33203125" style="43" customWidth="1"/>
    <col min="7097" max="7097" width="11.83203125" style="43" customWidth="1"/>
    <col min="7098" max="7098" width="4.33203125" style="43" customWidth="1"/>
    <col min="7099" max="7099" width="11.83203125" style="43" customWidth="1"/>
    <col min="7100" max="7100" width="4.33203125" style="43" customWidth="1"/>
    <col min="7101" max="7101" width="11.83203125" style="43" customWidth="1"/>
    <col min="7102" max="7102" width="4.33203125" style="43" customWidth="1"/>
    <col min="7103" max="7103" width="11.83203125" style="43" customWidth="1"/>
    <col min="7104" max="7104" width="4.33203125" style="43" customWidth="1"/>
    <col min="7105" max="7105" width="11.83203125" style="43" customWidth="1"/>
    <col min="7106" max="7106" width="4.33203125" style="43" customWidth="1"/>
    <col min="7107" max="7107" width="11.83203125" style="43" customWidth="1"/>
    <col min="7108" max="7108" width="4.33203125" style="43" customWidth="1"/>
    <col min="7109" max="7109" width="11.83203125" style="43" customWidth="1"/>
    <col min="7110" max="7110" width="4.33203125" style="43" customWidth="1"/>
    <col min="7111" max="7111" width="11.83203125" style="43" customWidth="1"/>
    <col min="7112" max="7112" width="4.33203125" style="43" customWidth="1"/>
    <col min="7113" max="7113" width="11.83203125" style="43" customWidth="1"/>
    <col min="7114" max="7114" width="4.33203125" style="43" customWidth="1"/>
    <col min="7115" max="7115" width="11.83203125" style="43" customWidth="1"/>
    <col min="7116" max="7116" width="4.33203125" style="43" customWidth="1"/>
    <col min="7117" max="7117" width="11.83203125" style="43" customWidth="1"/>
    <col min="7118" max="7118" width="4.33203125" style="43" customWidth="1"/>
    <col min="7119" max="7120" width="4.33203125" style="43"/>
    <col min="7121" max="7124" width="1.33203125" style="43" customWidth="1"/>
    <col min="7125" max="7125" width="8.08203125" style="43" customWidth="1"/>
    <col min="7126" max="7126" width="4.33203125" style="43" customWidth="1"/>
    <col min="7127" max="7127" width="11.83203125" style="43" customWidth="1"/>
    <col min="7128" max="7128" width="4.33203125" style="43" customWidth="1"/>
    <col min="7129" max="7129" width="11.83203125" style="43" customWidth="1"/>
    <col min="7130" max="7130" width="4.33203125" style="43" customWidth="1"/>
    <col min="7131" max="7131" width="11.83203125" style="43" customWidth="1"/>
    <col min="7132" max="7132" width="4.33203125" style="43" customWidth="1"/>
    <col min="7133" max="7133" width="11.83203125" style="43" customWidth="1"/>
    <col min="7134" max="7134" width="4.33203125" style="43" customWidth="1"/>
    <col min="7135" max="7135" width="11.83203125" style="43" customWidth="1"/>
    <col min="7136" max="7136" width="4.33203125" style="43" customWidth="1"/>
    <col min="7137" max="7137" width="11.83203125" style="43" customWidth="1"/>
    <col min="7138" max="7138" width="4.33203125" style="43" customWidth="1"/>
    <col min="7139" max="7139" width="11.83203125" style="43" customWidth="1"/>
    <col min="7140" max="7140" width="4.33203125" style="43" customWidth="1"/>
    <col min="7141" max="7141" width="11.83203125" style="43" customWidth="1"/>
    <col min="7142" max="7142" width="4.33203125" style="43" customWidth="1"/>
    <col min="7143" max="7143" width="11.83203125" style="43" customWidth="1"/>
    <col min="7144" max="7144" width="4.33203125" style="43" customWidth="1"/>
    <col min="7145" max="7145" width="11.83203125" style="43" customWidth="1"/>
    <col min="7146" max="7146" width="4.33203125" style="43" customWidth="1"/>
    <col min="7147" max="7147" width="11.83203125" style="43" customWidth="1"/>
    <col min="7148" max="7148" width="4.33203125" style="43" customWidth="1"/>
    <col min="7149" max="7149" width="11.83203125" style="43" customWidth="1"/>
    <col min="7150" max="7150" width="4.33203125" style="43" customWidth="1"/>
    <col min="7151" max="7151" width="11.83203125" style="43" customWidth="1"/>
    <col min="7152" max="7152" width="4.33203125" style="43" customWidth="1"/>
    <col min="7153" max="7153" width="11.83203125" style="43" customWidth="1"/>
    <col min="7154" max="7154" width="4.33203125" style="43" customWidth="1"/>
    <col min="7155" max="7155" width="11.83203125" style="43" customWidth="1"/>
    <col min="7156" max="7156" width="4.33203125" style="43" customWidth="1"/>
    <col min="7157" max="7157" width="11.83203125" style="43" customWidth="1"/>
    <col min="7158" max="7158" width="4.33203125" style="43" customWidth="1"/>
    <col min="7159" max="7159" width="11.83203125" style="43" customWidth="1"/>
    <col min="7160" max="7160" width="4.33203125" style="43" customWidth="1"/>
    <col min="7161" max="7161" width="11.83203125" style="43" customWidth="1"/>
    <col min="7162" max="7162" width="4.33203125" style="43" customWidth="1"/>
    <col min="7163" max="7163" width="11.83203125" style="43" customWidth="1"/>
    <col min="7164" max="7164" width="4.33203125" style="43" customWidth="1"/>
    <col min="7165" max="7165" width="11.83203125" style="43" customWidth="1"/>
    <col min="7166" max="7166" width="4.33203125" style="43" customWidth="1"/>
    <col min="7167" max="7167" width="11.83203125" style="43" customWidth="1"/>
    <col min="7168" max="7168" width="4.33203125" style="43"/>
    <col min="7169" max="7169" width="11.83203125" style="43" customWidth="1"/>
    <col min="7170" max="7170" width="4.33203125" style="43" customWidth="1"/>
    <col min="7171" max="7171" width="11.83203125" style="43" customWidth="1"/>
    <col min="7172" max="7172" width="4.33203125" style="43" customWidth="1"/>
    <col min="7173" max="7173" width="11.83203125" style="43" customWidth="1"/>
    <col min="7174" max="7174" width="4.33203125" style="43" customWidth="1"/>
    <col min="7175" max="7175" width="11.83203125" style="43" customWidth="1"/>
    <col min="7176" max="7176" width="4.33203125" style="43" customWidth="1"/>
    <col min="7177" max="7177" width="11.83203125" style="43" customWidth="1"/>
    <col min="7178" max="7178" width="4.33203125" style="43" customWidth="1"/>
    <col min="7179" max="7179" width="11.83203125" style="43" customWidth="1"/>
    <col min="7180" max="7180" width="4.33203125" style="43" customWidth="1"/>
    <col min="7181" max="7181" width="11.83203125" style="43" customWidth="1"/>
    <col min="7182" max="7182" width="4.33203125" style="43" customWidth="1"/>
    <col min="7183" max="7183" width="11.83203125" style="43" customWidth="1"/>
    <col min="7184" max="7184" width="4.33203125" style="43" customWidth="1"/>
    <col min="7185" max="7185" width="11.83203125" style="43" customWidth="1"/>
    <col min="7186" max="7186" width="4.33203125" style="43" customWidth="1"/>
    <col min="7187" max="7187" width="11.83203125" style="43" customWidth="1"/>
    <col min="7188" max="7188" width="4.33203125" style="43" customWidth="1"/>
    <col min="7189" max="7189" width="11.83203125" style="43" customWidth="1"/>
    <col min="7190" max="7190" width="4.33203125" style="43" customWidth="1"/>
    <col min="7191" max="7191" width="11.83203125" style="43" customWidth="1"/>
    <col min="7192" max="7192" width="4.33203125" style="43" customWidth="1"/>
    <col min="7193" max="7193" width="11.83203125" style="43" customWidth="1"/>
    <col min="7194" max="7194" width="4.33203125" style="43" customWidth="1"/>
    <col min="7195" max="7195" width="11.83203125" style="43" customWidth="1"/>
    <col min="7196" max="7196" width="4.33203125" style="43" customWidth="1"/>
    <col min="7197" max="7197" width="11.83203125" style="43" customWidth="1"/>
    <col min="7198" max="7198" width="4.33203125" style="43" customWidth="1"/>
    <col min="7199" max="7199" width="11.83203125" style="43" customWidth="1"/>
    <col min="7200" max="7200" width="4.33203125" style="43" customWidth="1"/>
    <col min="7201" max="7201" width="11.83203125" style="43" customWidth="1"/>
    <col min="7202" max="7202" width="4.33203125" style="43" customWidth="1"/>
    <col min="7203" max="7203" width="11.83203125" style="43" customWidth="1"/>
    <col min="7204" max="7204" width="4.33203125" style="43" customWidth="1"/>
    <col min="7205" max="7205" width="11.83203125" style="43" customWidth="1"/>
    <col min="7206" max="7206" width="4.33203125" style="43" customWidth="1"/>
    <col min="7207" max="7207" width="11.83203125" style="43" customWidth="1"/>
    <col min="7208" max="7208" width="4.33203125" style="43" customWidth="1"/>
    <col min="7209" max="7209" width="11.83203125" style="43" customWidth="1"/>
    <col min="7210" max="7210" width="4.33203125" style="43" customWidth="1"/>
    <col min="7211" max="7211" width="11.83203125" style="43" customWidth="1"/>
    <col min="7212" max="7212" width="4.33203125" style="43" customWidth="1"/>
    <col min="7213" max="7213" width="11.83203125" style="43" customWidth="1"/>
    <col min="7214" max="7214" width="4.33203125" style="43" customWidth="1"/>
    <col min="7215" max="7215" width="11.83203125" style="43" customWidth="1"/>
    <col min="7216" max="7216" width="4.33203125" style="43" customWidth="1"/>
    <col min="7217" max="7217" width="11.83203125" style="43" customWidth="1"/>
    <col min="7218" max="7218" width="4.33203125" style="43" customWidth="1"/>
    <col min="7219" max="7219" width="11.83203125" style="43" customWidth="1"/>
    <col min="7220" max="7220" width="4.33203125" style="43" customWidth="1"/>
    <col min="7221" max="7221" width="11.83203125" style="43" customWidth="1"/>
    <col min="7222" max="7222" width="4.33203125" style="43" customWidth="1"/>
    <col min="7223" max="7223" width="11.83203125" style="43" customWidth="1"/>
    <col min="7224" max="7224" width="4.33203125" style="43" customWidth="1"/>
    <col min="7225" max="7225" width="11.83203125" style="43" customWidth="1"/>
    <col min="7226" max="7226" width="4.33203125" style="43" customWidth="1"/>
    <col min="7227" max="7227" width="11.83203125" style="43" customWidth="1"/>
    <col min="7228" max="7228" width="4.33203125" style="43" customWidth="1"/>
    <col min="7229" max="7229" width="11.83203125" style="43" customWidth="1"/>
    <col min="7230" max="7230" width="4.33203125" style="43" customWidth="1"/>
    <col min="7231" max="7231" width="11.83203125" style="43" customWidth="1"/>
    <col min="7232" max="7232" width="4.33203125" style="43" customWidth="1"/>
    <col min="7233" max="7233" width="11.83203125" style="43" customWidth="1"/>
    <col min="7234" max="7234" width="4.33203125" style="43" customWidth="1"/>
    <col min="7235" max="7235" width="11.83203125" style="43" customWidth="1"/>
    <col min="7236" max="7236" width="4.33203125" style="43" customWidth="1"/>
    <col min="7237" max="7237" width="11.83203125" style="43" customWidth="1"/>
    <col min="7238" max="7238" width="4.33203125" style="43" customWidth="1"/>
    <col min="7239" max="7239" width="11.83203125" style="43" customWidth="1"/>
    <col min="7240" max="7240" width="4.33203125" style="43" customWidth="1"/>
    <col min="7241" max="7241" width="11.83203125" style="43" customWidth="1"/>
    <col min="7242" max="7332" width="5.33203125" style="43" customWidth="1"/>
    <col min="7333" max="7338" width="1.33203125" style="43" customWidth="1"/>
    <col min="7339" max="7339" width="8.08203125" style="43" customWidth="1"/>
    <col min="7340" max="7340" width="4.33203125" style="43" customWidth="1"/>
    <col min="7341" max="7341" width="11.83203125" style="43" customWidth="1"/>
    <col min="7342" max="7342" width="4.33203125" style="43" customWidth="1"/>
    <col min="7343" max="7343" width="11.83203125" style="43" customWidth="1"/>
    <col min="7344" max="7344" width="4.33203125" style="43" customWidth="1"/>
    <col min="7345" max="7345" width="11.83203125" style="43" customWidth="1"/>
    <col min="7346" max="7346" width="4.33203125" style="43" customWidth="1"/>
    <col min="7347" max="7347" width="11.83203125" style="43" customWidth="1"/>
    <col min="7348" max="7348" width="4.33203125" style="43" customWidth="1"/>
    <col min="7349" max="7349" width="11.83203125" style="43" customWidth="1"/>
    <col min="7350" max="7350" width="4.33203125" style="43" customWidth="1"/>
    <col min="7351" max="7351" width="11.83203125" style="43" customWidth="1"/>
    <col min="7352" max="7352" width="4.33203125" style="43" customWidth="1"/>
    <col min="7353" max="7353" width="11.83203125" style="43" customWidth="1"/>
    <col min="7354" max="7354" width="4.33203125" style="43" customWidth="1"/>
    <col min="7355" max="7355" width="11.83203125" style="43" customWidth="1"/>
    <col min="7356" max="7356" width="4.33203125" style="43" customWidth="1"/>
    <col min="7357" max="7357" width="11.83203125" style="43" customWidth="1"/>
    <col min="7358" max="7358" width="4.33203125" style="43" customWidth="1"/>
    <col min="7359" max="7359" width="11.83203125" style="43" customWidth="1"/>
    <col min="7360" max="7360" width="4.33203125" style="43" customWidth="1"/>
    <col min="7361" max="7361" width="11.83203125" style="43" customWidth="1"/>
    <col min="7362" max="7362" width="4.33203125" style="43" customWidth="1"/>
    <col min="7363" max="7363" width="11.83203125" style="43" customWidth="1"/>
    <col min="7364" max="7364" width="4.33203125" style="43" customWidth="1"/>
    <col min="7365" max="7365" width="11.83203125" style="43" customWidth="1"/>
    <col min="7366" max="7366" width="4.33203125" style="43" customWidth="1"/>
    <col min="7367" max="7367" width="11.83203125" style="43" customWidth="1"/>
    <col min="7368" max="7368" width="4.33203125" style="43" customWidth="1"/>
    <col min="7369" max="7369" width="11.83203125" style="43" customWidth="1"/>
    <col min="7370" max="7370" width="4.33203125" style="43" customWidth="1"/>
    <col min="7371" max="7371" width="11.83203125" style="43" customWidth="1"/>
    <col min="7372" max="7372" width="4.33203125" style="43" customWidth="1"/>
    <col min="7373" max="7373" width="11.83203125" style="43" customWidth="1"/>
    <col min="7374" max="7374" width="4.33203125" style="43" customWidth="1"/>
    <col min="7375" max="7376" width="4.33203125" style="43"/>
    <col min="7377" max="7380" width="1.33203125" style="43" customWidth="1"/>
    <col min="7381" max="7381" width="8.08203125" style="43" customWidth="1"/>
    <col min="7382" max="7382" width="4.33203125" style="43" customWidth="1"/>
    <col min="7383" max="7383" width="11.83203125" style="43" customWidth="1"/>
    <col min="7384" max="7384" width="4.33203125" style="43" customWidth="1"/>
    <col min="7385" max="7385" width="11.83203125" style="43" customWidth="1"/>
    <col min="7386" max="7386" width="4.33203125" style="43" customWidth="1"/>
    <col min="7387" max="7387" width="11.83203125" style="43" customWidth="1"/>
    <col min="7388" max="7388" width="4.33203125" style="43" customWidth="1"/>
    <col min="7389" max="7389" width="11.83203125" style="43" customWidth="1"/>
    <col min="7390" max="7390" width="4.33203125" style="43" customWidth="1"/>
    <col min="7391" max="7391" width="11.83203125" style="43" customWidth="1"/>
    <col min="7392" max="7392" width="4.33203125" style="43" customWidth="1"/>
    <col min="7393" max="7393" width="11.83203125" style="43" customWidth="1"/>
    <col min="7394" max="7394" width="4.33203125" style="43" customWidth="1"/>
    <col min="7395" max="7395" width="11.83203125" style="43" customWidth="1"/>
    <col min="7396" max="7396" width="4.33203125" style="43" customWidth="1"/>
    <col min="7397" max="7397" width="11.83203125" style="43" customWidth="1"/>
    <col min="7398" max="7398" width="4.33203125" style="43" customWidth="1"/>
    <col min="7399" max="7399" width="11.83203125" style="43" customWidth="1"/>
    <col min="7400" max="7400" width="4.33203125" style="43" customWidth="1"/>
    <col min="7401" max="7401" width="11.83203125" style="43" customWidth="1"/>
    <col min="7402" max="7402" width="4.33203125" style="43" customWidth="1"/>
    <col min="7403" max="7403" width="11.83203125" style="43" customWidth="1"/>
    <col min="7404" max="7404" width="4.33203125" style="43" customWidth="1"/>
    <col min="7405" max="7405" width="11.83203125" style="43" customWidth="1"/>
    <col min="7406" max="7406" width="4.33203125" style="43" customWidth="1"/>
    <col min="7407" max="7407" width="11.83203125" style="43" customWidth="1"/>
    <col min="7408" max="7408" width="4.33203125" style="43" customWidth="1"/>
    <col min="7409" max="7409" width="11.83203125" style="43" customWidth="1"/>
    <col min="7410" max="7410" width="4.33203125" style="43" customWidth="1"/>
    <col min="7411" max="7411" width="11.83203125" style="43" customWidth="1"/>
    <col min="7412" max="7412" width="4.33203125" style="43" customWidth="1"/>
    <col min="7413" max="7413" width="11.83203125" style="43" customWidth="1"/>
    <col min="7414" max="7414" width="4.33203125" style="43" customWidth="1"/>
    <col min="7415" max="7415" width="11.83203125" style="43" customWidth="1"/>
    <col min="7416" max="7416" width="4.33203125" style="43" customWidth="1"/>
    <col min="7417" max="7417" width="11.83203125" style="43" customWidth="1"/>
    <col min="7418" max="7418" width="4.33203125" style="43" customWidth="1"/>
    <col min="7419" max="7419" width="11.83203125" style="43" customWidth="1"/>
    <col min="7420" max="7420" width="4.33203125" style="43" customWidth="1"/>
    <col min="7421" max="7421" width="11.83203125" style="43" customWidth="1"/>
    <col min="7422" max="7422" width="4.33203125" style="43" customWidth="1"/>
    <col min="7423" max="7423" width="11.83203125" style="43" customWidth="1"/>
    <col min="7424" max="7424" width="4.33203125" style="43"/>
    <col min="7425" max="7425" width="11.83203125" style="43" customWidth="1"/>
    <col min="7426" max="7426" width="4.33203125" style="43" customWidth="1"/>
    <col min="7427" max="7427" width="11.83203125" style="43" customWidth="1"/>
    <col min="7428" max="7428" width="4.33203125" style="43" customWidth="1"/>
    <col min="7429" max="7429" width="11.83203125" style="43" customWidth="1"/>
    <col min="7430" max="7430" width="4.33203125" style="43" customWidth="1"/>
    <col min="7431" max="7431" width="11.83203125" style="43" customWidth="1"/>
    <col min="7432" max="7432" width="4.33203125" style="43" customWidth="1"/>
    <col min="7433" max="7433" width="11.83203125" style="43" customWidth="1"/>
    <col min="7434" max="7434" width="4.33203125" style="43" customWidth="1"/>
    <col min="7435" max="7435" width="11.83203125" style="43" customWidth="1"/>
    <col min="7436" max="7436" width="4.33203125" style="43" customWidth="1"/>
    <col min="7437" max="7437" width="11.83203125" style="43" customWidth="1"/>
    <col min="7438" max="7438" width="4.33203125" style="43" customWidth="1"/>
    <col min="7439" max="7439" width="11.83203125" style="43" customWidth="1"/>
    <col min="7440" max="7440" width="4.33203125" style="43" customWidth="1"/>
    <col min="7441" max="7441" width="11.83203125" style="43" customWidth="1"/>
    <col min="7442" max="7442" width="4.33203125" style="43" customWidth="1"/>
    <col min="7443" max="7443" width="11.83203125" style="43" customWidth="1"/>
    <col min="7444" max="7444" width="4.33203125" style="43" customWidth="1"/>
    <col min="7445" max="7445" width="11.83203125" style="43" customWidth="1"/>
    <col min="7446" max="7446" width="4.33203125" style="43" customWidth="1"/>
    <col min="7447" max="7447" width="11.83203125" style="43" customWidth="1"/>
    <col min="7448" max="7448" width="4.33203125" style="43" customWidth="1"/>
    <col min="7449" max="7449" width="11.83203125" style="43" customWidth="1"/>
    <col min="7450" max="7450" width="4.33203125" style="43" customWidth="1"/>
    <col min="7451" max="7451" width="11.83203125" style="43" customWidth="1"/>
    <col min="7452" max="7452" width="4.33203125" style="43" customWidth="1"/>
    <col min="7453" max="7453" width="11.83203125" style="43" customWidth="1"/>
    <col min="7454" max="7454" width="4.33203125" style="43" customWidth="1"/>
    <col min="7455" max="7455" width="11.83203125" style="43" customWidth="1"/>
    <col min="7456" max="7456" width="4.33203125" style="43" customWidth="1"/>
    <col min="7457" max="7457" width="11.83203125" style="43" customWidth="1"/>
    <col min="7458" max="7458" width="4.33203125" style="43" customWidth="1"/>
    <col min="7459" max="7459" width="11.83203125" style="43" customWidth="1"/>
    <col min="7460" max="7460" width="4.33203125" style="43" customWidth="1"/>
    <col min="7461" max="7461" width="11.83203125" style="43" customWidth="1"/>
    <col min="7462" max="7462" width="4.33203125" style="43" customWidth="1"/>
    <col min="7463" max="7463" width="11.83203125" style="43" customWidth="1"/>
    <col min="7464" max="7464" width="4.33203125" style="43" customWidth="1"/>
    <col min="7465" max="7465" width="11.83203125" style="43" customWidth="1"/>
    <col min="7466" max="7466" width="4.33203125" style="43" customWidth="1"/>
    <col min="7467" max="7467" width="11.83203125" style="43" customWidth="1"/>
    <col min="7468" max="7468" width="4.33203125" style="43" customWidth="1"/>
    <col min="7469" max="7469" width="11.83203125" style="43" customWidth="1"/>
    <col min="7470" max="7470" width="4.33203125" style="43" customWidth="1"/>
    <col min="7471" max="7471" width="11.83203125" style="43" customWidth="1"/>
    <col min="7472" max="7472" width="4.33203125" style="43" customWidth="1"/>
    <col min="7473" max="7473" width="11.83203125" style="43" customWidth="1"/>
    <col min="7474" max="7474" width="4.33203125" style="43" customWidth="1"/>
    <col min="7475" max="7475" width="11.83203125" style="43" customWidth="1"/>
    <col min="7476" max="7476" width="4.33203125" style="43" customWidth="1"/>
    <col min="7477" max="7477" width="11.83203125" style="43" customWidth="1"/>
    <col min="7478" max="7478" width="4.33203125" style="43" customWidth="1"/>
    <col min="7479" max="7479" width="11.83203125" style="43" customWidth="1"/>
    <col min="7480" max="7480" width="4.33203125" style="43" customWidth="1"/>
    <col min="7481" max="7481" width="11.83203125" style="43" customWidth="1"/>
    <col min="7482" max="7482" width="4.33203125" style="43" customWidth="1"/>
    <col min="7483" max="7483" width="11.83203125" style="43" customWidth="1"/>
    <col min="7484" max="7484" width="4.33203125" style="43" customWidth="1"/>
    <col min="7485" max="7485" width="11.83203125" style="43" customWidth="1"/>
    <col min="7486" max="7486" width="4.33203125" style="43" customWidth="1"/>
    <col min="7487" max="7487" width="11.83203125" style="43" customWidth="1"/>
    <col min="7488" max="7488" width="4.33203125" style="43" customWidth="1"/>
    <col min="7489" max="7489" width="11.83203125" style="43" customWidth="1"/>
    <col min="7490" max="7490" width="4.33203125" style="43" customWidth="1"/>
    <col min="7491" max="7491" width="11.83203125" style="43" customWidth="1"/>
    <col min="7492" max="7492" width="4.33203125" style="43" customWidth="1"/>
    <col min="7493" max="7493" width="11.83203125" style="43" customWidth="1"/>
    <col min="7494" max="7494" width="4.33203125" style="43" customWidth="1"/>
    <col min="7495" max="7495" width="11.83203125" style="43" customWidth="1"/>
    <col min="7496" max="7496" width="4.33203125" style="43" customWidth="1"/>
    <col min="7497" max="7497" width="11.83203125" style="43" customWidth="1"/>
    <col min="7498" max="7588" width="5.33203125" style="43" customWidth="1"/>
    <col min="7589" max="7594" width="1.33203125" style="43" customWidth="1"/>
    <col min="7595" max="7595" width="8.08203125" style="43" customWidth="1"/>
    <col min="7596" max="7596" width="4.33203125" style="43" customWidth="1"/>
    <col min="7597" max="7597" width="11.83203125" style="43" customWidth="1"/>
    <col min="7598" max="7598" width="4.33203125" style="43" customWidth="1"/>
    <col min="7599" max="7599" width="11.83203125" style="43" customWidth="1"/>
    <col min="7600" max="7600" width="4.33203125" style="43" customWidth="1"/>
    <col min="7601" max="7601" width="11.83203125" style="43" customWidth="1"/>
    <col min="7602" max="7602" width="4.33203125" style="43" customWidth="1"/>
    <col min="7603" max="7603" width="11.83203125" style="43" customWidth="1"/>
    <col min="7604" max="7604" width="4.33203125" style="43" customWidth="1"/>
    <col min="7605" max="7605" width="11.83203125" style="43" customWidth="1"/>
    <col min="7606" max="7606" width="4.33203125" style="43" customWidth="1"/>
    <col min="7607" max="7607" width="11.83203125" style="43" customWidth="1"/>
    <col min="7608" max="7608" width="4.33203125" style="43" customWidth="1"/>
    <col min="7609" max="7609" width="11.83203125" style="43" customWidth="1"/>
    <col min="7610" max="7610" width="4.33203125" style="43" customWidth="1"/>
    <col min="7611" max="7611" width="11.83203125" style="43" customWidth="1"/>
    <col min="7612" max="7612" width="4.33203125" style="43" customWidth="1"/>
    <col min="7613" max="7613" width="11.83203125" style="43" customWidth="1"/>
    <col min="7614" max="7614" width="4.33203125" style="43" customWidth="1"/>
    <col min="7615" max="7615" width="11.83203125" style="43" customWidth="1"/>
    <col min="7616" max="7616" width="4.33203125" style="43" customWidth="1"/>
    <col min="7617" max="7617" width="11.83203125" style="43" customWidth="1"/>
    <col min="7618" max="7618" width="4.33203125" style="43" customWidth="1"/>
    <col min="7619" max="7619" width="11.83203125" style="43" customWidth="1"/>
    <col min="7620" max="7620" width="4.33203125" style="43" customWidth="1"/>
    <col min="7621" max="7621" width="11.83203125" style="43" customWidth="1"/>
    <col min="7622" max="7622" width="4.33203125" style="43" customWidth="1"/>
    <col min="7623" max="7623" width="11.83203125" style="43" customWidth="1"/>
    <col min="7624" max="7624" width="4.33203125" style="43" customWidth="1"/>
    <col min="7625" max="7625" width="11.83203125" style="43" customWidth="1"/>
    <col min="7626" max="7626" width="4.33203125" style="43" customWidth="1"/>
    <col min="7627" max="7627" width="11.83203125" style="43" customWidth="1"/>
    <col min="7628" max="7628" width="4.33203125" style="43" customWidth="1"/>
    <col min="7629" max="7629" width="11.83203125" style="43" customWidth="1"/>
    <col min="7630" max="7630" width="4.33203125" style="43" customWidth="1"/>
    <col min="7631" max="7632" width="4.33203125" style="43"/>
    <col min="7633" max="7636" width="1.33203125" style="43" customWidth="1"/>
    <col min="7637" max="7637" width="8.08203125" style="43" customWidth="1"/>
    <col min="7638" max="7638" width="4.33203125" style="43" customWidth="1"/>
    <col min="7639" max="7639" width="11.83203125" style="43" customWidth="1"/>
    <col min="7640" max="7640" width="4.33203125" style="43" customWidth="1"/>
    <col min="7641" max="7641" width="11.83203125" style="43" customWidth="1"/>
    <col min="7642" max="7642" width="4.33203125" style="43" customWidth="1"/>
    <col min="7643" max="7643" width="11.83203125" style="43" customWidth="1"/>
    <col min="7644" max="7644" width="4.33203125" style="43" customWidth="1"/>
    <col min="7645" max="7645" width="11.83203125" style="43" customWidth="1"/>
    <col min="7646" max="7646" width="4.33203125" style="43" customWidth="1"/>
    <col min="7647" max="7647" width="11.83203125" style="43" customWidth="1"/>
    <col min="7648" max="7648" width="4.33203125" style="43" customWidth="1"/>
    <col min="7649" max="7649" width="11.83203125" style="43" customWidth="1"/>
    <col min="7650" max="7650" width="4.33203125" style="43" customWidth="1"/>
    <col min="7651" max="7651" width="11.83203125" style="43" customWidth="1"/>
    <col min="7652" max="7652" width="4.33203125" style="43" customWidth="1"/>
    <col min="7653" max="7653" width="11.83203125" style="43" customWidth="1"/>
    <col min="7654" max="7654" width="4.33203125" style="43" customWidth="1"/>
    <col min="7655" max="7655" width="11.83203125" style="43" customWidth="1"/>
    <col min="7656" max="7656" width="4.33203125" style="43" customWidth="1"/>
    <col min="7657" max="7657" width="11.83203125" style="43" customWidth="1"/>
    <col min="7658" max="7658" width="4.33203125" style="43" customWidth="1"/>
    <col min="7659" max="7659" width="11.83203125" style="43" customWidth="1"/>
    <col min="7660" max="7660" width="4.33203125" style="43" customWidth="1"/>
    <col min="7661" max="7661" width="11.83203125" style="43" customWidth="1"/>
    <col min="7662" max="7662" width="4.33203125" style="43" customWidth="1"/>
    <col min="7663" max="7663" width="11.83203125" style="43" customWidth="1"/>
    <col min="7664" max="7664" width="4.33203125" style="43" customWidth="1"/>
    <col min="7665" max="7665" width="11.83203125" style="43" customWidth="1"/>
    <col min="7666" max="7666" width="4.33203125" style="43" customWidth="1"/>
    <col min="7667" max="7667" width="11.83203125" style="43" customWidth="1"/>
    <col min="7668" max="7668" width="4.33203125" style="43" customWidth="1"/>
    <col min="7669" max="7669" width="11.83203125" style="43" customWidth="1"/>
    <col min="7670" max="7670" width="4.33203125" style="43" customWidth="1"/>
    <col min="7671" max="7671" width="11.83203125" style="43" customWidth="1"/>
    <col min="7672" max="7672" width="4.33203125" style="43" customWidth="1"/>
    <col min="7673" max="7673" width="11.83203125" style="43" customWidth="1"/>
    <col min="7674" max="7674" width="4.33203125" style="43" customWidth="1"/>
    <col min="7675" max="7675" width="11.83203125" style="43" customWidth="1"/>
    <col min="7676" max="7676" width="4.33203125" style="43" customWidth="1"/>
    <col min="7677" max="7677" width="11.83203125" style="43" customWidth="1"/>
    <col min="7678" max="7678" width="4.33203125" style="43" customWidth="1"/>
    <col min="7679" max="7679" width="11.83203125" style="43" customWidth="1"/>
    <col min="7680" max="7680" width="4.33203125" style="43"/>
    <col min="7681" max="7681" width="11.83203125" style="43" customWidth="1"/>
    <col min="7682" max="7682" width="4.33203125" style="43" customWidth="1"/>
    <col min="7683" max="7683" width="11.83203125" style="43" customWidth="1"/>
    <col min="7684" max="7684" width="4.33203125" style="43" customWidth="1"/>
    <col min="7685" max="7685" width="11.83203125" style="43" customWidth="1"/>
    <col min="7686" max="7686" width="4.33203125" style="43" customWidth="1"/>
    <col min="7687" max="7687" width="11.83203125" style="43" customWidth="1"/>
    <col min="7688" max="7688" width="4.33203125" style="43" customWidth="1"/>
    <col min="7689" max="7689" width="11.83203125" style="43" customWidth="1"/>
    <col min="7690" max="7690" width="4.33203125" style="43" customWidth="1"/>
    <col min="7691" max="7691" width="11.83203125" style="43" customWidth="1"/>
    <col min="7692" max="7692" width="4.33203125" style="43" customWidth="1"/>
    <col min="7693" max="7693" width="11.83203125" style="43" customWidth="1"/>
    <col min="7694" max="7694" width="4.33203125" style="43" customWidth="1"/>
    <col min="7695" max="7695" width="11.83203125" style="43" customWidth="1"/>
    <col min="7696" max="7696" width="4.33203125" style="43" customWidth="1"/>
    <col min="7697" max="7697" width="11.83203125" style="43" customWidth="1"/>
    <col min="7698" max="7698" width="4.33203125" style="43" customWidth="1"/>
    <col min="7699" max="7699" width="11.83203125" style="43" customWidth="1"/>
    <col min="7700" max="7700" width="4.33203125" style="43" customWidth="1"/>
    <col min="7701" max="7701" width="11.83203125" style="43" customWidth="1"/>
    <col min="7702" max="7702" width="4.33203125" style="43" customWidth="1"/>
    <col min="7703" max="7703" width="11.83203125" style="43" customWidth="1"/>
    <col min="7704" max="7704" width="4.33203125" style="43" customWidth="1"/>
    <col min="7705" max="7705" width="11.83203125" style="43" customWidth="1"/>
    <col min="7706" max="7706" width="4.33203125" style="43" customWidth="1"/>
    <col min="7707" max="7707" width="11.83203125" style="43" customWidth="1"/>
    <col min="7708" max="7708" width="4.33203125" style="43" customWidth="1"/>
    <col min="7709" max="7709" width="11.83203125" style="43" customWidth="1"/>
    <col min="7710" max="7710" width="4.33203125" style="43" customWidth="1"/>
    <col min="7711" max="7711" width="11.83203125" style="43" customWidth="1"/>
    <col min="7712" max="7712" width="4.33203125" style="43" customWidth="1"/>
    <col min="7713" max="7713" width="11.83203125" style="43" customWidth="1"/>
    <col min="7714" max="7714" width="4.33203125" style="43" customWidth="1"/>
    <col min="7715" max="7715" width="11.83203125" style="43" customWidth="1"/>
    <col min="7716" max="7716" width="4.33203125" style="43" customWidth="1"/>
    <col min="7717" max="7717" width="11.83203125" style="43" customWidth="1"/>
    <col min="7718" max="7718" width="4.33203125" style="43" customWidth="1"/>
    <col min="7719" max="7719" width="11.83203125" style="43" customWidth="1"/>
    <col min="7720" max="7720" width="4.33203125" style="43" customWidth="1"/>
    <col min="7721" max="7721" width="11.83203125" style="43" customWidth="1"/>
    <col min="7722" max="7722" width="4.33203125" style="43" customWidth="1"/>
    <col min="7723" max="7723" width="11.83203125" style="43" customWidth="1"/>
    <col min="7724" max="7724" width="4.33203125" style="43" customWidth="1"/>
    <col min="7725" max="7725" width="11.83203125" style="43" customWidth="1"/>
    <col min="7726" max="7726" width="4.33203125" style="43" customWidth="1"/>
    <col min="7727" max="7727" width="11.83203125" style="43" customWidth="1"/>
    <col min="7728" max="7728" width="4.33203125" style="43" customWidth="1"/>
    <col min="7729" max="7729" width="11.83203125" style="43" customWidth="1"/>
    <col min="7730" max="7730" width="4.33203125" style="43" customWidth="1"/>
    <col min="7731" max="7731" width="11.83203125" style="43" customWidth="1"/>
    <col min="7732" max="7732" width="4.33203125" style="43" customWidth="1"/>
    <col min="7733" max="7733" width="11.83203125" style="43" customWidth="1"/>
    <col min="7734" max="7734" width="4.33203125" style="43" customWidth="1"/>
    <col min="7735" max="7735" width="11.83203125" style="43" customWidth="1"/>
    <col min="7736" max="7736" width="4.33203125" style="43" customWidth="1"/>
    <col min="7737" max="7737" width="11.83203125" style="43" customWidth="1"/>
    <col min="7738" max="7738" width="4.33203125" style="43" customWidth="1"/>
    <col min="7739" max="7739" width="11.83203125" style="43" customWidth="1"/>
    <col min="7740" max="7740" width="4.33203125" style="43" customWidth="1"/>
    <col min="7741" max="7741" width="11.83203125" style="43" customWidth="1"/>
    <col min="7742" max="7742" width="4.33203125" style="43" customWidth="1"/>
    <col min="7743" max="7743" width="11.83203125" style="43" customWidth="1"/>
    <col min="7744" max="7744" width="4.33203125" style="43" customWidth="1"/>
    <col min="7745" max="7745" width="11.83203125" style="43" customWidth="1"/>
    <col min="7746" max="7746" width="4.33203125" style="43" customWidth="1"/>
    <col min="7747" max="7747" width="11.83203125" style="43" customWidth="1"/>
    <col min="7748" max="7748" width="4.33203125" style="43" customWidth="1"/>
    <col min="7749" max="7749" width="11.83203125" style="43" customWidth="1"/>
    <col min="7750" max="7750" width="4.33203125" style="43" customWidth="1"/>
    <col min="7751" max="7751" width="11.83203125" style="43" customWidth="1"/>
    <col min="7752" max="7752" width="4.33203125" style="43" customWidth="1"/>
    <col min="7753" max="7753" width="11.83203125" style="43" customWidth="1"/>
    <col min="7754" max="7844" width="5.33203125" style="43" customWidth="1"/>
    <col min="7845" max="7850" width="1.33203125" style="43" customWidth="1"/>
    <col min="7851" max="7851" width="8.08203125" style="43" customWidth="1"/>
    <col min="7852" max="7852" width="4.33203125" style="43" customWidth="1"/>
    <col min="7853" max="7853" width="11.83203125" style="43" customWidth="1"/>
    <col min="7854" max="7854" width="4.33203125" style="43" customWidth="1"/>
    <col min="7855" max="7855" width="11.83203125" style="43" customWidth="1"/>
    <col min="7856" max="7856" width="4.33203125" style="43" customWidth="1"/>
    <col min="7857" max="7857" width="11.83203125" style="43" customWidth="1"/>
    <col min="7858" max="7858" width="4.33203125" style="43" customWidth="1"/>
    <col min="7859" max="7859" width="11.83203125" style="43" customWidth="1"/>
    <col min="7860" max="7860" width="4.33203125" style="43" customWidth="1"/>
    <col min="7861" max="7861" width="11.83203125" style="43" customWidth="1"/>
    <col min="7862" max="7862" width="4.33203125" style="43" customWidth="1"/>
    <col min="7863" max="7863" width="11.83203125" style="43" customWidth="1"/>
    <col min="7864" max="7864" width="4.33203125" style="43" customWidth="1"/>
    <col min="7865" max="7865" width="11.83203125" style="43" customWidth="1"/>
    <col min="7866" max="7866" width="4.33203125" style="43" customWidth="1"/>
    <col min="7867" max="7867" width="11.83203125" style="43" customWidth="1"/>
    <col min="7868" max="7868" width="4.33203125" style="43" customWidth="1"/>
    <col min="7869" max="7869" width="11.83203125" style="43" customWidth="1"/>
    <col min="7870" max="7870" width="4.33203125" style="43" customWidth="1"/>
    <col min="7871" max="7871" width="11.83203125" style="43" customWidth="1"/>
    <col min="7872" max="7872" width="4.33203125" style="43" customWidth="1"/>
    <col min="7873" max="7873" width="11.83203125" style="43" customWidth="1"/>
    <col min="7874" max="7874" width="4.33203125" style="43" customWidth="1"/>
    <col min="7875" max="7875" width="11.83203125" style="43" customWidth="1"/>
    <col min="7876" max="7876" width="4.33203125" style="43" customWidth="1"/>
    <col min="7877" max="7877" width="11.83203125" style="43" customWidth="1"/>
    <col min="7878" max="7878" width="4.33203125" style="43" customWidth="1"/>
    <col min="7879" max="7879" width="11.83203125" style="43" customWidth="1"/>
    <col min="7880" max="7880" width="4.33203125" style="43" customWidth="1"/>
    <col min="7881" max="7881" width="11.83203125" style="43" customWidth="1"/>
    <col min="7882" max="7882" width="4.33203125" style="43" customWidth="1"/>
    <col min="7883" max="7883" width="11.83203125" style="43" customWidth="1"/>
    <col min="7884" max="7884" width="4.33203125" style="43" customWidth="1"/>
    <col min="7885" max="7885" width="11.83203125" style="43" customWidth="1"/>
    <col min="7886" max="7886" width="4.33203125" style="43" customWidth="1"/>
    <col min="7887" max="7888" width="4.33203125" style="43"/>
    <col min="7889" max="7892" width="1.33203125" style="43" customWidth="1"/>
    <col min="7893" max="7893" width="8.08203125" style="43" customWidth="1"/>
    <col min="7894" max="7894" width="4.33203125" style="43" customWidth="1"/>
    <col min="7895" max="7895" width="11.83203125" style="43" customWidth="1"/>
    <col min="7896" max="7896" width="4.33203125" style="43" customWidth="1"/>
    <col min="7897" max="7897" width="11.83203125" style="43" customWidth="1"/>
    <col min="7898" max="7898" width="4.33203125" style="43" customWidth="1"/>
    <col min="7899" max="7899" width="11.83203125" style="43" customWidth="1"/>
    <col min="7900" max="7900" width="4.33203125" style="43" customWidth="1"/>
    <col min="7901" max="7901" width="11.83203125" style="43" customWidth="1"/>
    <col min="7902" max="7902" width="4.33203125" style="43" customWidth="1"/>
    <col min="7903" max="7903" width="11.83203125" style="43" customWidth="1"/>
    <col min="7904" max="7904" width="4.33203125" style="43" customWidth="1"/>
    <col min="7905" max="7905" width="11.83203125" style="43" customWidth="1"/>
    <col min="7906" max="7906" width="4.33203125" style="43" customWidth="1"/>
    <col min="7907" max="7907" width="11.83203125" style="43" customWidth="1"/>
    <col min="7908" max="7908" width="4.33203125" style="43" customWidth="1"/>
    <col min="7909" max="7909" width="11.83203125" style="43" customWidth="1"/>
    <col min="7910" max="7910" width="4.33203125" style="43" customWidth="1"/>
    <col min="7911" max="7911" width="11.83203125" style="43" customWidth="1"/>
    <col min="7912" max="7912" width="4.33203125" style="43" customWidth="1"/>
    <col min="7913" max="7913" width="11.83203125" style="43" customWidth="1"/>
    <col min="7914" max="7914" width="4.33203125" style="43" customWidth="1"/>
    <col min="7915" max="7915" width="11.83203125" style="43" customWidth="1"/>
    <col min="7916" max="7916" width="4.33203125" style="43" customWidth="1"/>
    <col min="7917" max="7917" width="11.83203125" style="43" customWidth="1"/>
    <col min="7918" max="7918" width="4.33203125" style="43" customWidth="1"/>
    <col min="7919" max="7919" width="11.83203125" style="43" customWidth="1"/>
    <col min="7920" max="7920" width="4.33203125" style="43" customWidth="1"/>
    <col min="7921" max="7921" width="11.83203125" style="43" customWidth="1"/>
    <col min="7922" max="7922" width="4.33203125" style="43" customWidth="1"/>
    <col min="7923" max="7923" width="11.83203125" style="43" customWidth="1"/>
    <col min="7924" max="7924" width="4.33203125" style="43" customWidth="1"/>
    <col min="7925" max="7925" width="11.83203125" style="43" customWidth="1"/>
    <col min="7926" max="7926" width="4.33203125" style="43" customWidth="1"/>
    <col min="7927" max="7927" width="11.83203125" style="43" customWidth="1"/>
    <col min="7928" max="7928" width="4.33203125" style="43" customWidth="1"/>
    <col min="7929" max="7929" width="11.83203125" style="43" customWidth="1"/>
    <col min="7930" max="7930" width="4.33203125" style="43" customWidth="1"/>
    <col min="7931" max="7931" width="11.83203125" style="43" customWidth="1"/>
    <col min="7932" max="7932" width="4.33203125" style="43" customWidth="1"/>
    <col min="7933" max="7933" width="11.83203125" style="43" customWidth="1"/>
    <col min="7934" max="7934" width="4.33203125" style="43" customWidth="1"/>
    <col min="7935" max="7935" width="11.83203125" style="43" customWidth="1"/>
    <col min="7936" max="7936" width="4.33203125" style="43"/>
    <col min="7937" max="7937" width="11.83203125" style="43" customWidth="1"/>
    <col min="7938" max="7938" width="4.33203125" style="43" customWidth="1"/>
    <col min="7939" max="7939" width="11.83203125" style="43" customWidth="1"/>
    <col min="7940" max="7940" width="4.33203125" style="43" customWidth="1"/>
    <col min="7941" max="7941" width="11.83203125" style="43" customWidth="1"/>
    <col min="7942" max="7942" width="4.33203125" style="43" customWidth="1"/>
    <col min="7943" max="7943" width="11.83203125" style="43" customWidth="1"/>
    <col min="7944" max="7944" width="4.33203125" style="43" customWidth="1"/>
    <col min="7945" max="7945" width="11.83203125" style="43" customWidth="1"/>
    <col min="7946" max="7946" width="4.33203125" style="43" customWidth="1"/>
    <col min="7947" max="7947" width="11.83203125" style="43" customWidth="1"/>
    <col min="7948" max="7948" width="4.33203125" style="43" customWidth="1"/>
    <col min="7949" max="7949" width="11.83203125" style="43" customWidth="1"/>
    <col min="7950" max="7950" width="4.33203125" style="43" customWidth="1"/>
    <col min="7951" max="7951" width="11.83203125" style="43" customWidth="1"/>
    <col min="7952" max="7952" width="4.33203125" style="43" customWidth="1"/>
    <col min="7953" max="7953" width="11.83203125" style="43" customWidth="1"/>
    <col min="7954" max="7954" width="4.33203125" style="43" customWidth="1"/>
    <col min="7955" max="7955" width="11.83203125" style="43" customWidth="1"/>
    <col min="7956" max="7956" width="4.33203125" style="43" customWidth="1"/>
    <col min="7957" max="7957" width="11.83203125" style="43" customWidth="1"/>
    <col min="7958" max="7958" width="4.33203125" style="43" customWidth="1"/>
    <col min="7959" max="7959" width="11.83203125" style="43" customWidth="1"/>
    <col min="7960" max="7960" width="4.33203125" style="43" customWidth="1"/>
    <col min="7961" max="7961" width="11.83203125" style="43" customWidth="1"/>
    <col min="7962" max="7962" width="4.33203125" style="43" customWidth="1"/>
    <col min="7963" max="7963" width="11.83203125" style="43" customWidth="1"/>
    <col min="7964" max="7964" width="4.33203125" style="43" customWidth="1"/>
    <col min="7965" max="7965" width="11.83203125" style="43" customWidth="1"/>
    <col min="7966" max="7966" width="4.33203125" style="43" customWidth="1"/>
    <col min="7967" max="7967" width="11.83203125" style="43" customWidth="1"/>
    <col min="7968" max="7968" width="4.33203125" style="43" customWidth="1"/>
    <col min="7969" max="7969" width="11.83203125" style="43" customWidth="1"/>
    <col min="7970" max="7970" width="4.33203125" style="43" customWidth="1"/>
    <col min="7971" max="7971" width="11.83203125" style="43" customWidth="1"/>
    <col min="7972" max="7972" width="4.33203125" style="43" customWidth="1"/>
    <col min="7973" max="7973" width="11.83203125" style="43" customWidth="1"/>
    <col min="7974" max="7974" width="4.33203125" style="43" customWidth="1"/>
    <col min="7975" max="7975" width="11.83203125" style="43" customWidth="1"/>
    <col min="7976" max="7976" width="4.33203125" style="43" customWidth="1"/>
    <col min="7977" max="7977" width="11.83203125" style="43" customWidth="1"/>
    <col min="7978" max="7978" width="4.33203125" style="43" customWidth="1"/>
    <col min="7979" max="7979" width="11.83203125" style="43" customWidth="1"/>
    <col min="7980" max="7980" width="4.33203125" style="43" customWidth="1"/>
    <col min="7981" max="7981" width="11.83203125" style="43" customWidth="1"/>
    <col min="7982" max="7982" width="4.33203125" style="43" customWidth="1"/>
    <col min="7983" max="7983" width="11.83203125" style="43" customWidth="1"/>
    <col min="7984" max="7984" width="4.33203125" style="43" customWidth="1"/>
    <col min="7985" max="7985" width="11.83203125" style="43" customWidth="1"/>
    <col min="7986" max="7986" width="4.33203125" style="43" customWidth="1"/>
    <col min="7987" max="7987" width="11.83203125" style="43" customWidth="1"/>
    <col min="7988" max="7988" width="4.33203125" style="43" customWidth="1"/>
    <col min="7989" max="7989" width="11.83203125" style="43" customWidth="1"/>
    <col min="7990" max="7990" width="4.33203125" style="43" customWidth="1"/>
    <col min="7991" max="7991" width="11.83203125" style="43" customWidth="1"/>
    <col min="7992" max="7992" width="4.33203125" style="43" customWidth="1"/>
    <col min="7993" max="7993" width="11.83203125" style="43" customWidth="1"/>
    <col min="7994" max="7994" width="4.33203125" style="43" customWidth="1"/>
    <col min="7995" max="7995" width="11.83203125" style="43" customWidth="1"/>
    <col min="7996" max="7996" width="4.33203125" style="43" customWidth="1"/>
    <col min="7997" max="7997" width="11.83203125" style="43" customWidth="1"/>
    <col min="7998" max="7998" width="4.33203125" style="43" customWidth="1"/>
    <col min="7999" max="7999" width="11.83203125" style="43" customWidth="1"/>
    <col min="8000" max="8000" width="4.33203125" style="43" customWidth="1"/>
    <col min="8001" max="8001" width="11.83203125" style="43" customWidth="1"/>
    <col min="8002" max="8002" width="4.33203125" style="43" customWidth="1"/>
    <col min="8003" max="8003" width="11.83203125" style="43" customWidth="1"/>
    <col min="8004" max="8004" width="4.33203125" style="43" customWidth="1"/>
    <col min="8005" max="8005" width="11.83203125" style="43" customWidth="1"/>
    <col min="8006" max="8006" width="4.33203125" style="43" customWidth="1"/>
    <col min="8007" max="8007" width="11.83203125" style="43" customWidth="1"/>
    <col min="8008" max="8008" width="4.33203125" style="43" customWidth="1"/>
    <col min="8009" max="8009" width="11.83203125" style="43" customWidth="1"/>
    <col min="8010" max="8100" width="5.33203125" style="43" customWidth="1"/>
    <col min="8101" max="8106" width="1.33203125" style="43" customWidth="1"/>
    <col min="8107" max="8107" width="8.08203125" style="43" customWidth="1"/>
    <col min="8108" max="8108" width="4.33203125" style="43" customWidth="1"/>
    <col min="8109" max="8109" width="11.83203125" style="43" customWidth="1"/>
    <col min="8110" max="8110" width="4.33203125" style="43" customWidth="1"/>
    <col min="8111" max="8111" width="11.83203125" style="43" customWidth="1"/>
    <col min="8112" max="8112" width="4.33203125" style="43" customWidth="1"/>
    <col min="8113" max="8113" width="11.83203125" style="43" customWidth="1"/>
    <col min="8114" max="8114" width="4.33203125" style="43" customWidth="1"/>
    <col min="8115" max="8115" width="11.83203125" style="43" customWidth="1"/>
    <col min="8116" max="8116" width="4.33203125" style="43" customWidth="1"/>
    <col min="8117" max="8117" width="11.83203125" style="43" customWidth="1"/>
    <col min="8118" max="8118" width="4.33203125" style="43" customWidth="1"/>
    <col min="8119" max="8119" width="11.83203125" style="43" customWidth="1"/>
    <col min="8120" max="8120" width="4.33203125" style="43" customWidth="1"/>
    <col min="8121" max="8121" width="11.83203125" style="43" customWidth="1"/>
    <col min="8122" max="8122" width="4.33203125" style="43" customWidth="1"/>
    <col min="8123" max="8123" width="11.83203125" style="43" customWidth="1"/>
    <col min="8124" max="8124" width="4.33203125" style="43" customWidth="1"/>
    <col min="8125" max="8125" width="11.83203125" style="43" customWidth="1"/>
    <col min="8126" max="8126" width="4.33203125" style="43" customWidth="1"/>
    <col min="8127" max="8127" width="11.83203125" style="43" customWidth="1"/>
    <col min="8128" max="8128" width="4.33203125" style="43" customWidth="1"/>
    <col min="8129" max="8129" width="11.83203125" style="43" customWidth="1"/>
    <col min="8130" max="8130" width="4.33203125" style="43" customWidth="1"/>
    <col min="8131" max="8131" width="11.83203125" style="43" customWidth="1"/>
    <col min="8132" max="8132" width="4.33203125" style="43" customWidth="1"/>
    <col min="8133" max="8133" width="11.83203125" style="43" customWidth="1"/>
    <col min="8134" max="8134" width="4.33203125" style="43" customWidth="1"/>
    <col min="8135" max="8135" width="11.83203125" style="43" customWidth="1"/>
    <col min="8136" max="8136" width="4.33203125" style="43" customWidth="1"/>
    <col min="8137" max="8137" width="11.83203125" style="43" customWidth="1"/>
    <col min="8138" max="8138" width="4.33203125" style="43" customWidth="1"/>
    <col min="8139" max="8139" width="11.83203125" style="43" customWidth="1"/>
    <col min="8140" max="8140" width="4.33203125" style="43" customWidth="1"/>
    <col min="8141" max="8141" width="11.83203125" style="43" customWidth="1"/>
    <col min="8142" max="8142" width="4.33203125" style="43" customWidth="1"/>
    <col min="8143" max="8144" width="4.33203125" style="43"/>
    <col min="8145" max="8148" width="1.33203125" style="43" customWidth="1"/>
    <col min="8149" max="8149" width="8.08203125" style="43" customWidth="1"/>
    <col min="8150" max="8150" width="4.33203125" style="43" customWidth="1"/>
    <col min="8151" max="8151" width="11.83203125" style="43" customWidth="1"/>
    <col min="8152" max="8152" width="4.33203125" style="43" customWidth="1"/>
    <col min="8153" max="8153" width="11.83203125" style="43" customWidth="1"/>
    <col min="8154" max="8154" width="4.33203125" style="43" customWidth="1"/>
    <col min="8155" max="8155" width="11.83203125" style="43" customWidth="1"/>
    <col min="8156" max="8156" width="4.33203125" style="43" customWidth="1"/>
    <col min="8157" max="8157" width="11.83203125" style="43" customWidth="1"/>
    <col min="8158" max="8158" width="4.33203125" style="43" customWidth="1"/>
    <col min="8159" max="8159" width="11.83203125" style="43" customWidth="1"/>
    <col min="8160" max="8160" width="4.33203125" style="43" customWidth="1"/>
    <col min="8161" max="8161" width="11.83203125" style="43" customWidth="1"/>
    <col min="8162" max="8162" width="4.33203125" style="43" customWidth="1"/>
    <col min="8163" max="8163" width="11.83203125" style="43" customWidth="1"/>
    <col min="8164" max="8164" width="4.33203125" style="43" customWidth="1"/>
    <col min="8165" max="8165" width="11.83203125" style="43" customWidth="1"/>
    <col min="8166" max="8166" width="4.33203125" style="43" customWidth="1"/>
    <col min="8167" max="8167" width="11.83203125" style="43" customWidth="1"/>
    <col min="8168" max="8168" width="4.33203125" style="43" customWidth="1"/>
    <col min="8169" max="8169" width="11.83203125" style="43" customWidth="1"/>
    <col min="8170" max="8170" width="4.33203125" style="43" customWidth="1"/>
    <col min="8171" max="8171" width="11.83203125" style="43" customWidth="1"/>
    <col min="8172" max="8172" width="4.33203125" style="43" customWidth="1"/>
    <col min="8173" max="8173" width="11.83203125" style="43" customWidth="1"/>
    <col min="8174" max="8174" width="4.33203125" style="43" customWidth="1"/>
    <col min="8175" max="8175" width="11.83203125" style="43" customWidth="1"/>
    <col min="8176" max="8176" width="4.33203125" style="43" customWidth="1"/>
    <col min="8177" max="8177" width="11.83203125" style="43" customWidth="1"/>
    <col min="8178" max="8178" width="4.33203125" style="43" customWidth="1"/>
    <col min="8179" max="8179" width="11.83203125" style="43" customWidth="1"/>
    <col min="8180" max="8180" width="4.33203125" style="43" customWidth="1"/>
    <col min="8181" max="8181" width="11.83203125" style="43" customWidth="1"/>
    <col min="8182" max="8182" width="4.33203125" style="43" customWidth="1"/>
    <col min="8183" max="8183" width="11.83203125" style="43" customWidth="1"/>
    <col min="8184" max="8184" width="4.33203125" style="43" customWidth="1"/>
    <col min="8185" max="8185" width="11.83203125" style="43" customWidth="1"/>
    <col min="8186" max="8186" width="4.33203125" style="43" customWidth="1"/>
    <col min="8187" max="8187" width="11.83203125" style="43" customWidth="1"/>
    <col min="8188" max="8188" width="4.33203125" style="43" customWidth="1"/>
    <col min="8189" max="8189" width="11.83203125" style="43" customWidth="1"/>
    <col min="8190" max="8190" width="4.33203125" style="43" customWidth="1"/>
    <col min="8191" max="8191" width="11.83203125" style="43" customWidth="1"/>
    <col min="8192" max="8192" width="4.33203125" style="43"/>
    <col min="8193" max="8193" width="11.83203125" style="43" customWidth="1"/>
    <col min="8194" max="8194" width="4.33203125" style="43" customWidth="1"/>
    <col min="8195" max="8195" width="11.83203125" style="43" customWidth="1"/>
    <col min="8196" max="8196" width="4.33203125" style="43" customWidth="1"/>
    <col min="8197" max="8197" width="11.83203125" style="43" customWidth="1"/>
    <col min="8198" max="8198" width="4.33203125" style="43" customWidth="1"/>
    <col min="8199" max="8199" width="11.83203125" style="43" customWidth="1"/>
    <col min="8200" max="8200" width="4.33203125" style="43" customWidth="1"/>
    <col min="8201" max="8201" width="11.83203125" style="43" customWidth="1"/>
    <col min="8202" max="8202" width="4.33203125" style="43" customWidth="1"/>
    <col min="8203" max="8203" width="11.83203125" style="43" customWidth="1"/>
    <col min="8204" max="8204" width="4.33203125" style="43" customWidth="1"/>
    <col min="8205" max="8205" width="11.83203125" style="43" customWidth="1"/>
    <col min="8206" max="8206" width="4.33203125" style="43" customWidth="1"/>
    <col min="8207" max="8207" width="11.83203125" style="43" customWidth="1"/>
    <col min="8208" max="8208" width="4.33203125" style="43" customWidth="1"/>
    <col min="8209" max="8209" width="11.83203125" style="43" customWidth="1"/>
    <col min="8210" max="8210" width="4.33203125" style="43" customWidth="1"/>
    <col min="8211" max="8211" width="11.83203125" style="43" customWidth="1"/>
    <col min="8212" max="8212" width="4.33203125" style="43" customWidth="1"/>
    <col min="8213" max="8213" width="11.83203125" style="43" customWidth="1"/>
    <col min="8214" max="8214" width="4.33203125" style="43" customWidth="1"/>
    <col min="8215" max="8215" width="11.83203125" style="43" customWidth="1"/>
    <col min="8216" max="8216" width="4.33203125" style="43" customWidth="1"/>
    <col min="8217" max="8217" width="11.83203125" style="43" customWidth="1"/>
    <col min="8218" max="8218" width="4.33203125" style="43" customWidth="1"/>
    <col min="8219" max="8219" width="11.83203125" style="43" customWidth="1"/>
    <col min="8220" max="8220" width="4.33203125" style="43" customWidth="1"/>
    <col min="8221" max="8221" width="11.83203125" style="43" customWidth="1"/>
    <col min="8222" max="8222" width="4.33203125" style="43" customWidth="1"/>
    <col min="8223" max="8223" width="11.83203125" style="43" customWidth="1"/>
    <col min="8224" max="8224" width="4.33203125" style="43" customWidth="1"/>
    <col min="8225" max="8225" width="11.83203125" style="43" customWidth="1"/>
    <col min="8226" max="8226" width="4.33203125" style="43" customWidth="1"/>
    <col min="8227" max="8227" width="11.83203125" style="43" customWidth="1"/>
    <col min="8228" max="8228" width="4.33203125" style="43" customWidth="1"/>
    <col min="8229" max="8229" width="11.83203125" style="43" customWidth="1"/>
    <col min="8230" max="8230" width="4.33203125" style="43" customWidth="1"/>
    <col min="8231" max="8231" width="11.83203125" style="43" customWidth="1"/>
    <col min="8232" max="8232" width="4.33203125" style="43" customWidth="1"/>
    <col min="8233" max="8233" width="11.83203125" style="43" customWidth="1"/>
    <col min="8234" max="8234" width="4.33203125" style="43" customWidth="1"/>
    <col min="8235" max="8235" width="11.83203125" style="43" customWidth="1"/>
    <col min="8236" max="8236" width="4.33203125" style="43" customWidth="1"/>
    <col min="8237" max="8237" width="11.83203125" style="43" customWidth="1"/>
    <col min="8238" max="8238" width="4.33203125" style="43" customWidth="1"/>
    <col min="8239" max="8239" width="11.83203125" style="43" customWidth="1"/>
    <col min="8240" max="8240" width="4.33203125" style="43" customWidth="1"/>
    <col min="8241" max="8241" width="11.83203125" style="43" customWidth="1"/>
    <col min="8242" max="8242" width="4.33203125" style="43" customWidth="1"/>
    <col min="8243" max="8243" width="11.83203125" style="43" customWidth="1"/>
    <col min="8244" max="8244" width="4.33203125" style="43" customWidth="1"/>
    <col min="8245" max="8245" width="11.83203125" style="43" customWidth="1"/>
    <col min="8246" max="8246" width="4.33203125" style="43" customWidth="1"/>
    <col min="8247" max="8247" width="11.83203125" style="43" customWidth="1"/>
    <col min="8248" max="8248" width="4.33203125" style="43" customWidth="1"/>
    <col min="8249" max="8249" width="11.83203125" style="43" customWidth="1"/>
    <col min="8250" max="8250" width="4.33203125" style="43" customWidth="1"/>
    <col min="8251" max="8251" width="11.83203125" style="43" customWidth="1"/>
    <col min="8252" max="8252" width="4.33203125" style="43" customWidth="1"/>
    <col min="8253" max="8253" width="11.83203125" style="43" customWidth="1"/>
    <col min="8254" max="8254" width="4.33203125" style="43" customWidth="1"/>
    <col min="8255" max="8255" width="11.83203125" style="43" customWidth="1"/>
    <col min="8256" max="8256" width="4.33203125" style="43" customWidth="1"/>
    <col min="8257" max="8257" width="11.83203125" style="43" customWidth="1"/>
    <col min="8258" max="8258" width="4.33203125" style="43" customWidth="1"/>
    <col min="8259" max="8259" width="11.83203125" style="43" customWidth="1"/>
    <col min="8260" max="8260" width="4.33203125" style="43" customWidth="1"/>
    <col min="8261" max="8261" width="11.83203125" style="43" customWidth="1"/>
    <col min="8262" max="8262" width="4.33203125" style="43" customWidth="1"/>
    <col min="8263" max="8263" width="11.83203125" style="43" customWidth="1"/>
    <col min="8264" max="8264" width="4.33203125" style="43" customWidth="1"/>
    <col min="8265" max="8265" width="11.83203125" style="43" customWidth="1"/>
    <col min="8266" max="8356" width="5.33203125" style="43" customWidth="1"/>
    <col min="8357" max="8362" width="1.33203125" style="43" customWidth="1"/>
    <col min="8363" max="8363" width="8.08203125" style="43" customWidth="1"/>
    <col min="8364" max="8364" width="4.33203125" style="43" customWidth="1"/>
    <col min="8365" max="8365" width="11.83203125" style="43" customWidth="1"/>
    <col min="8366" max="8366" width="4.33203125" style="43" customWidth="1"/>
    <col min="8367" max="8367" width="11.83203125" style="43" customWidth="1"/>
    <col min="8368" max="8368" width="4.33203125" style="43" customWidth="1"/>
    <col min="8369" max="8369" width="11.83203125" style="43" customWidth="1"/>
    <col min="8370" max="8370" width="4.33203125" style="43" customWidth="1"/>
    <col min="8371" max="8371" width="11.83203125" style="43" customWidth="1"/>
    <col min="8372" max="8372" width="4.33203125" style="43" customWidth="1"/>
    <col min="8373" max="8373" width="11.83203125" style="43" customWidth="1"/>
    <col min="8374" max="8374" width="4.33203125" style="43" customWidth="1"/>
    <col min="8375" max="8375" width="11.83203125" style="43" customWidth="1"/>
    <col min="8376" max="8376" width="4.33203125" style="43" customWidth="1"/>
    <col min="8377" max="8377" width="11.83203125" style="43" customWidth="1"/>
    <col min="8378" max="8378" width="4.33203125" style="43" customWidth="1"/>
    <col min="8379" max="8379" width="11.83203125" style="43" customWidth="1"/>
    <col min="8380" max="8380" width="4.33203125" style="43" customWidth="1"/>
    <col min="8381" max="8381" width="11.83203125" style="43" customWidth="1"/>
    <col min="8382" max="8382" width="4.33203125" style="43" customWidth="1"/>
    <col min="8383" max="8383" width="11.83203125" style="43" customWidth="1"/>
    <col min="8384" max="8384" width="4.33203125" style="43" customWidth="1"/>
    <col min="8385" max="8385" width="11.83203125" style="43" customWidth="1"/>
    <col min="8386" max="8386" width="4.33203125" style="43" customWidth="1"/>
    <col min="8387" max="8387" width="11.83203125" style="43" customWidth="1"/>
    <col min="8388" max="8388" width="4.33203125" style="43" customWidth="1"/>
    <col min="8389" max="8389" width="11.83203125" style="43" customWidth="1"/>
    <col min="8390" max="8390" width="4.33203125" style="43" customWidth="1"/>
    <col min="8391" max="8391" width="11.83203125" style="43" customWidth="1"/>
    <col min="8392" max="8392" width="4.33203125" style="43" customWidth="1"/>
    <col min="8393" max="8393" width="11.83203125" style="43" customWidth="1"/>
    <col min="8394" max="8394" width="4.33203125" style="43" customWidth="1"/>
    <col min="8395" max="8395" width="11.83203125" style="43" customWidth="1"/>
    <col min="8396" max="8396" width="4.33203125" style="43" customWidth="1"/>
    <col min="8397" max="8397" width="11.83203125" style="43" customWidth="1"/>
    <col min="8398" max="8398" width="4.33203125" style="43" customWidth="1"/>
    <col min="8399" max="8400" width="4.33203125" style="43"/>
    <col min="8401" max="8404" width="1.33203125" style="43" customWidth="1"/>
    <col min="8405" max="8405" width="8.08203125" style="43" customWidth="1"/>
    <col min="8406" max="8406" width="4.33203125" style="43" customWidth="1"/>
    <col min="8407" max="8407" width="11.83203125" style="43" customWidth="1"/>
    <col min="8408" max="8408" width="4.33203125" style="43" customWidth="1"/>
    <col min="8409" max="8409" width="11.83203125" style="43" customWidth="1"/>
    <col min="8410" max="8410" width="4.33203125" style="43" customWidth="1"/>
    <col min="8411" max="8411" width="11.83203125" style="43" customWidth="1"/>
    <col min="8412" max="8412" width="4.33203125" style="43" customWidth="1"/>
    <col min="8413" max="8413" width="11.83203125" style="43" customWidth="1"/>
    <col min="8414" max="8414" width="4.33203125" style="43" customWidth="1"/>
    <col min="8415" max="8415" width="11.83203125" style="43" customWidth="1"/>
    <col min="8416" max="8416" width="4.33203125" style="43" customWidth="1"/>
    <col min="8417" max="8417" width="11.83203125" style="43" customWidth="1"/>
    <col min="8418" max="8418" width="4.33203125" style="43" customWidth="1"/>
    <col min="8419" max="8419" width="11.83203125" style="43" customWidth="1"/>
    <col min="8420" max="8420" width="4.33203125" style="43" customWidth="1"/>
    <col min="8421" max="8421" width="11.83203125" style="43" customWidth="1"/>
    <col min="8422" max="8422" width="4.33203125" style="43" customWidth="1"/>
    <col min="8423" max="8423" width="11.83203125" style="43" customWidth="1"/>
    <col min="8424" max="8424" width="4.33203125" style="43" customWidth="1"/>
    <col min="8425" max="8425" width="11.83203125" style="43" customWidth="1"/>
    <col min="8426" max="8426" width="4.33203125" style="43" customWidth="1"/>
    <col min="8427" max="8427" width="11.83203125" style="43" customWidth="1"/>
    <col min="8428" max="8428" width="4.33203125" style="43" customWidth="1"/>
    <col min="8429" max="8429" width="11.83203125" style="43" customWidth="1"/>
    <col min="8430" max="8430" width="4.33203125" style="43" customWidth="1"/>
    <col min="8431" max="8431" width="11.83203125" style="43" customWidth="1"/>
    <col min="8432" max="8432" width="4.33203125" style="43" customWidth="1"/>
    <col min="8433" max="8433" width="11.83203125" style="43" customWidth="1"/>
    <col min="8434" max="8434" width="4.33203125" style="43" customWidth="1"/>
    <col min="8435" max="8435" width="11.83203125" style="43" customWidth="1"/>
    <col min="8436" max="8436" width="4.33203125" style="43" customWidth="1"/>
    <col min="8437" max="8437" width="11.83203125" style="43" customWidth="1"/>
    <col min="8438" max="8438" width="4.33203125" style="43" customWidth="1"/>
    <col min="8439" max="8439" width="11.83203125" style="43" customWidth="1"/>
    <col min="8440" max="8440" width="4.33203125" style="43" customWidth="1"/>
    <col min="8441" max="8441" width="11.83203125" style="43" customWidth="1"/>
    <col min="8442" max="8442" width="4.33203125" style="43" customWidth="1"/>
    <col min="8443" max="8443" width="11.83203125" style="43" customWidth="1"/>
    <col min="8444" max="8444" width="4.33203125" style="43" customWidth="1"/>
    <col min="8445" max="8445" width="11.83203125" style="43" customWidth="1"/>
    <col min="8446" max="8446" width="4.33203125" style="43" customWidth="1"/>
    <col min="8447" max="8447" width="11.83203125" style="43" customWidth="1"/>
    <col min="8448" max="8448" width="4.33203125" style="43"/>
    <col min="8449" max="8449" width="11.83203125" style="43" customWidth="1"/>
    <col min="8450" max="8450" width="4.33203125" style="43" customWidth="1"/>
    <col min="8451" max="8451" width="11.83203125" style="43" customWidth="1"/>
    <col min="8452" max="8452" width="4.33203125" style="43" customWidth="1"/>
    <col min="8453" max="8453" width="11.83203125" style="43" customWidth="1"/>
    <col min="8454" max="8454" width="4.33203125" style="43" customWidth="1"/>
    <col min="8455" max="8455" width="11.83203125" style="43" customWidth="1"/>
    <col min="8456" max="8456" width="4.33203125" style="43" customWidth="1"/>
    <col min="8457" max="8457" width="11.83203125" style="43" customWidth="1"/>
    <col min="8458" max="8458" width="4.33203125" style="43" customWidth="1"/>
    <col min="8459" max="8459" width="11.83203125" style="43" customWidth="1"/>
    <col min="8460" max="8460" width="4.33203125" style="43" customWidth="1"/>
    <col min="8461" max="8461" width="11.83203125" style="43" customWidth="1"/>
    <col min="8462" max="8462" width="4.33203125" style="43" customWidth="1"/>
    <col min="8463" max="8463" width="11.83203125" style="43" customWidth="1"/>
    <col min="8464" max="8464" width="4.33203125" style="43" customWidth="1"/>
    <col min="8465" max="8465" width="11.83203125" style="43" customWidth="1"/>
    <col min="8466" max="8466" width="4.33203125" style="43" customWidth="1"/>
    <col min="8467" max="8467" width="11.83203125" style="43" customWidth="1"/>
    <col min="8468" max="8468" width="4.33203125" style="43" customWidth="1"/>
    <col min="8469" max="8469" width="11.83203125" style="43" customWidth="1"/>
    <col min="8470" max="8470" width="4.33203125" style="43" customWidth="1"/>
    <col min="8471" max="8471" width="11.83203125" style="43" customWidth="1"/>
    <col min="8472" max="8472" width="4.33203125" style="43" customWidth="1"/>
    <col min="8473" max="8473" width="11.83203125" style="43" customWidth="1"/>
    <col min="8474" max="8474" width="4.33203125" style="43" customWidth="1"/>
    <col min="8475" max="8475" width="11.83203125" style="43" customWidth="1"/>
    <col min="8476" max="8476" width="4.33203125" style="43" customWidth="1"/>
    <col min="8477" max="8477" width="11.83203125" style="43" customWidth="1"/>
    <col min="8478" max="8478" width="4.33203125" style="43" customWidth="1"/>
    <col min="8479" max="8479" width="11.83203125" style="43" customWidth="1"/>
    <col min="8480" max="8480" width="4.33203125" style="43" customWidth="1"/>
    <col min="8481" max="8481" width="11.83203125" style="43" customWidth="1"/>
    <col min="8482" max="8482" width="4.33203125" style="43" customWidth="1"/>
    <col min="8483" max="8483" width="11.83203125" style="43" customWidth="1"/>
    <col min="8484" max="8484" width="4.33203125" style="43" customWidth="1"/>
    <col min="8485" max="8485" width="11.83203125" style="43" customWidth="1"/>
    <col min="8486" max="8486" width="4.33203125" style="43" customWidth="1"/>
    <col min="8487" max="8487" width="11.83203125" style="43" customWidth="1"/>
    <col min="8488" max="8488" width="4.33203125" style="43" customWidth="1"/>
    <col min="8489" max="8489" width="11.83203125" style="43" customWidth="1"/>
    <col min="8490" max="8490" width="4.33203125" style="43" customWidth="1"/>
    <col min="8491" max="8491" width="11.83203125" style="43" customWidth="1"/>
    <col min="8492" max="8492" width="4.33203125" style="43" customWidth="1"/>
    <col min="8493" max="8493" width="11.83203125" style="43" customWidth="1"/>
    <col min="8494" max="8494" width="4.33203125" style="43" customWidth="1"/>
    <col min="8495" max="8495" width="11.83203125" style="43" customWidth="1"/>
    <col min="8496" max="8496" width="4.33203125" style="43" customWidth="1"/>
    <col min="8497" max="8497" width="11.83203125" style="43" customWidth="1"/>
    <col min="8498" max="8498" width="4.33203125" style="43" customWidth="1"/>
    <col min="8499" max="8499" width="11.83203125" style="43" customWidth="1"/>
    <col min="8500" max="8500" width="4.33203125" style="43" customWidth="1"/>
    <col min="8501" max="8501" width="11.83203125" style="43" customWidth="1"/>
    <col min="8502" max="8502" width="4.33203125" style="43" customWidth="1"/>
    <col min="8503" max="8503" width="11.83203125" style="43" customWidth="1"/>
    <col min="8504" max="8504" width="4.33203125" style="43" customWidth="1"/>
    <col min="8505" max="8505" width="11.83203125" style="43" customWidth="1"/>
    <col min="8506" max="8506" width="4.33203125" style="43" customWidth="1"/>
    <col min="8507" max="8507" width="11.83203125" style="43" customWidth="1"/>
    <col min="8508" max="8508" width="4.33203125" style="43" customWidth="1"/>
    <col min="8509" max="8509" width="11.83203125" style="43" customWidth="1"/>
    <col min="8510" max="8510" width="4.33203125" style="43" customWidth="1"/>
    <col min="8511" max="8511" width="11.83203125" style="43" customWidth="1"/>
    <col min="8512" max="8512" width="4.33203125" style="43" customWidth="1"/>
    <col min="8513" max="8513" width="11.83203125" style="43" customWidth="1"/>
    <col min="8514" max="8514" width="4.33203125" style="43" customWidth="1"/>
    <col min="8515" max="8515" width="11.83203125" style="43" customWidth="1"/>
    <col min="8516" max="8516" width="4.33203125" style="43" customWidth="1"/>
    <col min="8517" max="8517" width="11.83203125" style="43" customWidth="1"/>
    <col min="8518" max="8518" width="4.33203125" style="43" customWidth="1"/>
    <col min="8519" max="8519" width="11.83203125" style="43" customWidth="1"/>
    <col min="8520" max="8520" width="4.33203125" style="43" customWidth="1"/>
    <col min="8521" max="8521" width="11.83203125" style="43" customWidth="1"/>
    <col min="8522" max="8612" width="5.33203125" style="43" customWidth="1"/>
    <col min="8613" max="8618" width="1.33203125" style="43" customWidth="1"/>
    <col min="8619" max="8619" width="8.08203125" style="43" customWidth="1"/>
    <col min="8620" max="8620" width="4.33203125" style="43" customWidth="1"/>
    <col min="8621" max="8621" width="11.83203125" style="43" customWidth="1"/>
    <col min="8622" max="8622" width="4.33203125" style="43" customWidth="1"/>
    <col min="8623" max="8623" width="11.83203125" style="43" customWidth="1"/>
    <col min="8624" max="8624" width="4.33203125" style="43" customWidth="1"/>
    <col min="8625" max="8625" width="11.83203125" style="43" customWidth="1"/>
    <col min="8626" max="8626" width="4.33203125" style="43" customWidth="1"/>
    <col min="8627" max="8627" width="11.83203125" style="43" customWidth="1"/>
    <col min="8628" max="8628" width="4.33203125" style="43" customWidth="1"/>
    <col min="8629" max="8629" width="11.83203125" style="43" customWidth="1"/>
    <col min="8630" max="8630" width="4.33203125" style="43" customWidth="1"/>
    <col min="8631" max="8631" width="11.83203125" style="43" customWidth="1"/>
    <col min="8632" max="8632" width="4.33203125" style="43" customWidth="1"/>
    <col min="8633" max="8633" width="11.83203125" style="43" customWidth="1"/>
    <col min="8634" max="8634" width="4.33203125" style="43" customWidth="1"/>
    <col min="8635" max="8635" width="11.83203125" style="43" customWidth="1"/>
    <col min="8636" max="8636" width="4.33203125" style="43" customWidth="1"/>
    <col min="8637" max="8637" width="11.83203125" style="43" customWidth="1"/>
    <col min="8638" max="8638" width="4.33203125" style="43" customWidth="1"/>
    <col min="8639" max="8639" width="11.83203125" style="43" customWidth="1"/>
    <col min="8640" max="8640" width="4.33203125" style="43" customWidth="1"/>
    <col min="8641" max="8641" width="11.83203125" style="43" customWidth="1"/>
    <col min="8642" max="8642" width="4.33203125" style="43" customWidth="1"/>
    <col min="8643" max="8643" width="11.83203125" style="43" customWidth="1"/>
    <col min="8644" max="8644" width="4.33203125" style="43" customWidth="1"/>
    <col min="8645" max="8645" width="11.83203125" style="43" customWidth="1"/>
    <col min="8646" max="8646" width="4.33203125" style="43" customWidth="1"/>
    <col min="8647" max="8647" width="11.83203125" style="43" customWidth="1"/>
    <col min="8648" max="8648" width="4.33203125" style="43" customWidth="1"/>
    <col min="8649" max="8649" width="11.83203125" style="43" customWidth="1"/>
    <col min="8650" max="8650" width="4.33203125" style="43" customWidth="1"/>
    <col min="8651" max="8651" width="11.83203125" style="43" customWidth="1"/>
    <col min="8652" max="8652" width="4.33203125" style="43" customWidth="1"/>
    <col min="8653" max="8653" width="11.83203125" style="43" customWidth="1"/>
    <col min="8654" max="8654" width="4.33203125" style="43" customWidth="1"/>
    <col min="8655" max="8656" width="4.33203125" style="43"/>
    <col min="8657" max="8660" width="1.33203125" style="43" customWidth="1"/>
    <col min="8661" max="8661" width="8.08203125" style="43" customWidth="1"/>
    <col min="8662" max="8662" width="4.33203125" style="43" customWidth="1"/>
    <col min="8663" max="8663" width="11.83203125" style="43" customWidth="1"/>
    <col min="8664" max="8664" width="4.33203125" style="43" customWidth="1"/>
    <col min="8665" max="8665" width="11.83203125" style="43" customWidth="1"/>
    <col min="8666" max="8666" width="4.33203125" style="43" customWidth="1"/>
    <col min="8667" max="8667" width="11.83203125" style="43" customWidth="1"/>
    <col min="8668" max="8668" width="4.33203125" style="43" customWidth="1"/>
    <col min="8669" max="8669" width="11.83203125" style="43" customWidth="1"/>
    <col min="8670" max="8670" width="4.33203125" style="43" customWidth="1"/>
    <col min="8671" max="8671" width="11.83203125" style="43" customWidth="1"/>
    <col min="8672" max="8672" width="4.33203125" style="43" customWidth="1"/>
    <col min="8673" max="8673" width="11.83203125" style="43" customWidth="1"/>
    <col min="8674" max="8674" width="4.33203125" style="43" customWidth="1"/>
    <col min="8675" max="8675" width="11.83203125" style="43" customWidth="1"/>
    <col min="8676" max="8676" width="4.33203125" style="43" customWidth="1"/>
    <col min="8677" max="8677" width="11.83203125" style="43" customWidth="1"/>
    <col min="8678" max="8678" width="4.33203125" style="43" customWidth="1"/>
    <col min="8679" max="8679" width="11.83203125" style="43" customWidth="1"/>
    <col min="8680" max="8680" width="4.33203125" style="43" customWidth="1"/>
    <col min="8681" max="8681" width="11.83203125" style="43" customWidth="1"/>
    <col min="8682" max="8682" width="4.33203125" style="43" customWidth="1"/>
    <col min="8683" max="8683" width="11.83203125" style="43" customWidth="1"/>
    <col min="8684" max="8684" width="4.33203125" style="43" customWidth="1"/>
    <col min="8685" max="8685" width="11.83203125" style="43" customWidth="1"/>
    <col min="8686" max="8686" width="4.33203125" style="43" customWidth="1"/>
    <col min="8687" max="8687" width="11.83203125" style="43" customWidth="1"/>
    <col min="8688" max="8688" width="4.33203125" style="43" customWidth="1"/>
    <col min="8689" max="8689" width="11.83203125" style="43" customWidth="1"/>
    <col min="8690" max="8690" width="4.33203125" style="43" customWidth="1"/>
    <col min="8691" max="8691" width="11.83203125" style="43" customWidth="1"/>
    <col min="8692" max="8692" width="4.33203125" style="43" customWidth="1"/>
    <col min="8693" max="8693" width="11.83203125" style="43" customWidth="1"/>
    <col min="8694" max="8694" width="4.33203125" style="43" customWidth="1"/>
    <col min="8695" max="8695" width="11.83203125" style="43" customWidth="1"/>
    <col min="8696" max="8696" width="4.33203125" style="43" customWidth="1"/>
    <col min="8697" max="8697" width="11.83203125" style="43" customWidth="1"/>
    <col min="8698" max="8698" width="4.33203125" style="43" customWidth="1"/>
    <col min="8699" max="8699" width="11.83203125" style="43" customWidth="1"/>
    <col min="8700" max="8700" width="4.33203125" style="43" customWidth="1"/>
    <col min="8701" max="8701" width="11.83203125" style="43" customWidth="1"/>
    <col min="8702" max="8702" width="4.33203125" style="43" customWidth="1"/>
    <col min="8703" max="8703" width="11.83203125" style="43" customWidth="1"/>
    <col min="8704" max="8704" width="4.33203125" style="43"/>
    <col min="8705" max="8705" width="11.83203125" style="43" customWidth="1"/>
    <col min="8706" max="8706" width="4.33203125" style="43" customWidth="1"/>
    <col min="8707" max="8707" width="11.83203125" style="43" customWidth="1"/>
    <col min="8708" max="8708" width="4.33203125" style="43" customWidth="1"/>
    <col min="8709" max="8709" width="11.83203125" style="43" customWidth="1"/>
    <col min="8710" max="8710" width="4.33203125" style="43" customWidth="1"/>
    <col min="8711" max="8711" width="11.83203125" style="43" customWidth="1"/>
    <col min="8712" max="8712" width="4.33203125" style="43" customWidth="1"/>
    <col min="8713" max="8713" width="11.83203125" style="43" customWidth="1"/>
    <col min="8714" max="8714" width="4.33203125" style="43" customWidth="1"/>
    <col min="8715" max="8715" width="11.83203125" style="43" customWidth="1"/>
    <col min="8716" max="8716" width="4.33203125" style="43" customWidth="1"/>
    <col min="8717" max="8717" width="11.83203125" style="43" customWidth="1"/>
    <col min="8718" max="8718" width="4.33203125" style="43" customWidth="1"/>
    <col min="8719" max="8719" width="11.83203125" style="43" customWidth="1"/>
    <col min="8720" max="8720" width="4.33203125" style="43" customWidth="1"/>
    <col min="8721" max="8721" width="11.83203125" style="43" customWidth="1"/>
    <col min="8722" max="8722" width="4.33203125" style="43" customWidth="1"/>
    <col min="8723" max="8723" width="11.83203125" style="43" customWidth="1"/>
    <col min="8724" max="8724" width="4.33203125" style="43" customWidth="1"/>
    <col min="8725" max="8725" width="11.83203125" style="43" customWidth="1"/>
    <col min="8726" max="8726" width="4.33203125" style="43" customWidth="1"/>
    <col min="8727" max="8727" width="11.83203125" style="43" customWidth="1"/>
    <col min="8728" max="8728" width="4.33203125" style="43" customWidth="1"/>
    <col min="8729" max="8729" width="11.83203125" style="43" customWidth="1"/>
    <col min="8730" max="8730" width="4.33203125" style="43" customWidth="1"/>
    <col min="8731" max="8731" width="11.83203125" style="43" customWidth="1"/>
    <col min="8732" max="8732" width="4.33203125" style="43" customWidth="1"/>
    <col min="8733" max="8733" width="11.83203125" style="43" customWidth="1"/>
    <col min="8734" max="8734" width="4.33203125" style="43" customWidth="1"/>
    <col min="8735" max="8735" width="11.83203125" style="43" customWidth="1"/>
    <col min="8736" max="8736" width="4.33203125" style="43" customWidth="1"/>
    <col min="8737" max="8737" width="11.83203125" style="43" customWidth="1"/>
    <col min="8738" max="8738" width="4.33203125" style="43" customWidth="1"/>
    <col min="8739" max="8739" width="11.83203125" style="43" customWidth="1"/>
    <col min="8740" max="8740" width="4.33203125" style="43" customWidth="1"/>
    <col min="8741" max="8741" width="11.83203125" style="43" customWidth="1"/>
    <col min="8742" max="8742" width="4.33203125" style="43" customWidth="1"/>
    <col min="8743" max="8743" width="11.83203125" style="43" customWidth="1"/>
    <col min="8744" max="8744" width="4.33203125" style="43" customWidth="1"/>
    <col min="8745" max="8745" width="11.83203125" style="43" customWidth="1"/>
    <col min="8746" max="8746" width="4.33203125" style="43" customWidth="1"/>
    <col min="8747" max="8747" width="11.83203125" style="43" customWidth="1"/>
    <col min="8748" max="8748" width="4.33203125" style="43" customWidth="1"/>
    <col min="8749" max="8749" width="11.83203125" style="43" customWidth="1"/>
    <col min="8750" max="8750" width="4.33203125" style="43" customWidth="1"/>
    <col min="8751" max="8751" width="11.83203125" style="43" customWidth="1"/>
    <col min="8752" max="8752" width="4.33203125" style="43" customWidth="1"/>
    <col min="8753" max="8753" width="11.83203125" style="43" customWidth="1"/>
    <col min="8754" max="8754" width="4.33203125" style="43" customWidth="1"/>
    <col min="8755" max="8755" width="11.83203125" style="43" customWidth="1"/>
    <col min="8756" max="8756" width="4.33203125" style="43" customWidth="1"/>
    <col min="8757" max="8757" width="11.83203125" style="43" customWidth="1"/>
    <col min="8758" max="8758" width="4.33203125" style="43" customWidth="1"/>
    <col min="8759" max="8759" width="11.83203125" style="43" customWidth="1"/>
    <col min="8760" max="8760" width="4.33203125" style="43" customWidth="1"/>
    <col min="8761" max="8761" width="11.83203125" style="43" customWidth="1"/>
    <col min="8762" max="8762" width="4.33203125" style="43" customWidth="1"/>
    <col min="8763" max="8763" width="11.83203125" style="43" customWidth="1"/>
    <col min="8764" max="8764" width="4.33203125" style="43" customWidth="1"/>
    <col min="8765" max="8765" width="11.83203125" style="43" customWidth="1"/>
    <col min="8766" max="8766" width="4.33203125" style="43" customWidth="1"/>
    <col min="8767" max="8767" width="11.83203125" style="43" customWidth="1"/>
    <col min="8768" max="8768" width="4.33203125" style="43" customWidth="1"/>
    <col min="8769" max="8769" width="11.83203125" style="43" customWidth="1"/>
    <col min="8770" max="8770" width="4.33203125" style="43" customWidth="1"/>
    <col min="8771" max="8771" width="11.83203125" style="43" customWidth="1"/>
    <col min="8772" max="8772" width="4.33203125" style="43" customWidth="1"/>
    <col min="8773" max="8773" width="11.83203125" style="43" customWidth="1"/>
    <col min="8774" max="8774" width="4.33203125" style="43" customWidth="1"/>
    <col min="8775" max="8775" width="11.83203125" style="43" customWidth="1"/>
    <col min="8776" max="8776" width="4.33203125" style="43" customWidth="1"/>
    <col min="8777" max="8777" width="11.83203125" style="43" customWidth="1"/>
    <col min="8778" max="8868" width="5.33203125" style="43" customWidth="1"/>
    <col min="8869" max="8874" width="1.33203125" style="43" customWidth="1"/>
    <col min="8875" max="8875" width="8.08203125" style="43" customWidth="1"/>
    <col min="8876" max="8876" width="4.33203125" style="43" customWidth="1"/>
    <col min="8877" max="8877" width="11.83203125" style="43" customWidth="1"/>
    <col min="8878" max="8878" width="4.33203125" style="43" customWidth="1"/>
    <col min="8879" max="8879" width="11.83203125" style="43" customWidth="1"/>
    <col min="8880" max="8880" width="4.33203125" style="43" customWidth="1"/>
    <col min="8881" max="8881" width="11.83203125" style="43" customWidth="1"/>
    <col min="8882" max="8882" width="4.33203125" style="43" customWidth="1"/>
    <col min="8883" max="8883" width="11.83203125" style="43" customWidth="1"/>
    <col min="8884" max="8884" width="4.33203125" style="43" customWidth="1"/>
    <col min="8885" max="8885" width="11.83203125" style="43" customWidth="1"/>
    <col min="8886" max="8886" width="4.33203125" style="43" customWidth="1"/>
    <col min="8887" max="8887" width="11.83203125" style="43" customWidth="1"/>
    <col min="8888" max="8888" width="4.33203125" style="43" customWidth="1"/>
    <col min="8889" max="8889" width="11.83203125" style="43" customWidth="1"/>
    <col min="8890" max="8890" width="4.33203125" style="43" customWidth="1"/>
    <col min="8891" max="8891" width="11.83203125" style="43" customWidth="1"/>
    <col min="8892" max="8892" width="4.33203125" style="43" customWidth="1"/>
    <col min="8893" max="8893" width="11.83203125" style="43" customWidth="1"/>
    <col min="8894" max="8894" width="4.33203125" style="43" customWidth="1"/>
    <col min="8895" max="8895" width="11.83203125" style="43" customWidth="1"/>
    <col min="8896" max="8896" width="4.33203125" style="43" customWidth="1"/>
    <col min="8897" max="8897" width="11.83203125" style="43" customWidth="1"/>
    <col min="8898" max="8898" width="4.33203125" style="43" customWidth="1"/>
    <col min="8899" max="8899" width="11.83203125" style="43" customWidth="1"/>
    <col min="8900" max="8900" width="4.33203125" style="43" customWidth="1"/>
    <col min="8901" max="8901" width="11.83203125" style="43" customWidth="1"/>
    <col min="8902" max="8902" width="4.33203125" style="43" customWidth="1"/>
    <col min="8903" max="8903" width="11.83203125" style="43" customWidth="1"/>
    <col min="8904" max="8904" width="4.33203125" style="43" customWidth="1"/>
    <col min="8905" max="8905" width="11.83203125" style="43" customWidth="1"/>
    <col min="8906" max="8906" width="4.33203125" style="43" customWidth="1"/>
    <col min="8907" max="8907" width="11.83203125" style="43" customWidth="1"/>
    <col min="8908" max="8908" width="4.33203125" style="43" customWidth="1"/>
    <col min="8909" max="8909" width="11.83203125" style="43" customWidth="1"/>
    <col min="8910" max="8910" width="4.33203125" style="43" customWidth="1"/>
    <col min="8911" max="8912" width="4.33203125" style="43"/>
    <col min="8913" max="8916" width="1.33203125" style="43" customWidth="1"/>
    <col min="8917" max="8917" width="8.08203125" style="43" customWidth="1"/>
    <col min="8918" max="8918" width="4.33203125" style="43" customWidth="1"/>
    <col min="8919" max="8919" width="11.83203125" style="43" customWidth="1"/>
    <col min="8920" max="8920" width="4.33203125" style="43" customWidth="1"/>
    <col min="8921" max="8921" width="11.83203125" style="43" customWidth="1"/>
    <col min="8922" max="8922" width="4.33203125" style="43" customWidth="1"/>
    <col min="8923" max="8923" width="11.83203125" style="43" customWidth="1"/>
    <col min="8924" max="8924" width="4.33203125" style="43" customWidth="1"/>
    <col min="8925" max="8925" width="11.83203125" style="43" customWidth="1"/>
    <col min="8926" max="8926" width="4.33203125" style="43" customWidth="1"/>
    <col min="8927" max="8927" width="11.83203125" style="43" customWidth="1"/>
    <col min="8928" max="8928" width="4.33203125" style="43" customWidth="1"/>
    <col min="8929" max="8929" width="11.83203125" style="43" customWidth="1"/>
    <col min="8930" max="8930" width="4.33203125" style="43" customWidth="1"/>
    <col min="8931" max="8931" width="11.83203125" style="43" customWidth="1"/>
    <col min="8932" max="8932" width="4.33203125" style="43" customWidth="1"/>
    <col min="8933" max="8933" width="11.83203125" style="43" customWidth="1"/>
    <col min="8934" max="8934" width="4.33203125" style="43" customWidth="1"/>
    <col min="8935" max="8935" width="11.83203125" style="43" customWidth="1"/>
    <col min="8936" max="8936" width="4.33203125" style="43" customWidth="1"/>
    <col min="8937" max="8937" width="11.83203125" style="43" customWidth="1"/>
    <col min="8938" max="8938" width="4.33203125" style="43" customWidth="1"/>
    <col min="8939" max="8939" width="11.83203125" style="43" customWidth="1"/>
    <col min="8940" max="8940" width="4.33203125" style="43" customWidth="1"/>
    <col min="8941" max="8941" width="11.83203125" style="43" customWidth="1"/>
    <col min="8942" max="8942" width="4.33203125" style="43" customWidth="1"/>
    <col min="8943" max="8943" width="11.83203125" style="43" customWidth="1"/>
    <col min="8944" max="8944" width="4.33203125" style="43" customWidth="1"/>
    <col min="8945" max="8945" width="11.83203125" style="43" customWidth="1"/>
    <col min="8946" max="8946" width="4.33203125" style="43" customWidth="1"/>
    <col min="8947" max="8947" width="11.83203125" style="43" customWidth="1"/>
    <col min="8948" max="8948" width="4.33203125" style="43" customWidth="1"/>
    <col min="8949" max="8949" width="11.83203125" style="43" customWidth="1"/>
    <col min="8950" max="8950" width="4.33203125" style="43" customWidth="1"/>
    <col min="8951" max="8951" width="11.83203125" style="43" customWidth="1"/>
    <col min="8952" max="8952" width="4.33203125" style="43" customWidth="1"/>
    <col min="8953" max="8953" width="11.83203125" style="43" customWidth="1"/>
    <col min="8954" max="8954" width="4.33203125" style="43" customWidth="1"/>
    <col min="8955" max="8955" width="11.83203125" style="43" customWidth="1"/>
    <col min="8956" max="8956" width="4.33203125" style="43" customWidth="1"/>
    <col min="8957" max="8957" width="11.83203125" style="43" customWidth="1"/>
    <col min="8958" max="8958" width="4.33203125" style="43" customWidth="1"/>
    <col min="8959" max="8959" width="11.83203125" style="43" customWidth="1"/>
    <col min="8960" max="8960" width="4.33203125" style="43"/>
    <col min="8961" max="8961" width="11.83203125" style="43" customWidth="1"/>
    <col min="8962" max="8962" width="4.33203125" style="43" customWidth="1"/>
    <col min="8963" max="8963" width="11.83203125" style="43" customWidth="1"/>
    <col min="8964" max="8964" width="4.33203125" style="43" customWidth="1"/>
    <col min="8965" max="8965" width="11.83203125" style="43" customWidth="1"/>
    <col min="8966" max="8966" width="4.33203125" style="43" customWidth="1"/>
    <col min="8967" max="8967" width="11.83203125" style="43" customWidth="1"/>
    <col min="8968" max="8968" width="4.33203125" style="43" customWidth="1"/>
    <col min="8969" max="8969" width="11.83203125" style="43" customWidth="1"/>
    <col min="8970" max="8970" width="4.33203125" style="43" customWidth="1"/>
    <col min="8971" max="8971" width="11.83203125" style="43" customWidth="1"/>
    <col min="8972" max="8972" width="4.33203125" style="43" customWidth="1"/>
    <col min="8973" max="8973" width="11.83203125" style="43" customWidth="1"/>
    <col min="8974" max="8974" width="4.33203125" style="43" customWidth="1"/>
    <col min="8975" max="8975" width="11.83203125" style="43" customWidth="1"/>
    <col min="8976" max="8976" width="4.33203125" style="43" customWidth="1"/>
    <col min="8977" max="8977" width="11.83203125" style="43" customWidth="1"/>
    <col min="8978" max="8978" width="4.33203125" style="43" customWidth="1"/>
    <col min="8979" max="8979" width="11.83203125" style="43" customWidth="1"/>
    <col min="8980" max="8980" width="4.33203125" style="43" customWidth="1"/>
    <col min="8981" max="8981" width="11.83203125" style="43" customWidth="1"/>
    <col min="8982" max="8982" width="4.33203125" style="43" customWidth="1"/>
    <col min="8983" max="8983" width="11.83203125" style="43" customWidth="1"/>
    <col min="8984" max="8984" width="4.33203125" style="43" customWidth="1"/>
    <col min="8985" max="8985" width="11.83203125" style="43" customWidth="1"/>
    <col min="8986" max="8986" width="4.33203125" style="43" customWidth="1"/>
    <col min="8987" max="8987" width="11.83203125" style="43" customWidth="1"/>
    <col min="8988" max="8988" width="4.33203125" style="43" customWidth="1"/>
    <col min="8989" max="8989" width="11.83203125" style="43" customWidth="1"/>
    <col min="8990" max="8990" width="4.33203125" style="43" customWidth="1"/>
    <col min="8991" max="8991" width="11.83203125" style="43" customWidth="1"/>
    <col min="8992" max="8992" width="4.33203125" style="43" customWidth="1"/>
    <col min="8993" max="8993" width="11.83203125" style="43" customWidth="1"/>
    <col min="8994" max="8994" width="4.33203125" style="43" customWidth="1"/>
    <col min="8995" max="8995" width="11.83203125" style="43" customWidth="1"/>
    <col min="8996" max="8996" width="4.33203125" style="43" customWidth="1"/>
    <col min="8997" max="8997" width="11.83203125" style="43" customWidth="1"/>
    <col min="8998" max="8998" width="4.33203125" style="43" customWidth="1"/>
    <col min="8999" max="8999" width="11.83203125" style="43" customWidth="1"/>
    <col min="9000" max="9000" width="4.33203125" style="43" customWidth="1"/>
    <col min="9001" max="9001" width="11.83203125" style="43" customWidth="1"/>
    <col min="9002" max="9002" width="4.33203125" style="43" customWidth="1"/>
    <col min="9003" max="9003" width="11.83203125" style="43" customWidth="1"/>
    <col min="9004" max="9004" width="4.33203125" style="43" customWidth="1"/>
    <col min="9005" max="9005" width="11.83203125" style="43" customWidth="1"/>
    <col min="9006" max="9006" width="4.33203125" style="43" customWidth="1"/>
    <col min="9007" max="9007" width="11.83203125" style="43" customWidth="1"/>
    <col min="9008" max="9008" width="4.33203125" style="43" customWidth="1"/>
    <col min="9009" max="9009" width="11.83203125" style="43" customWidth="1"/>
    <col min="9010" max="9010" width="4.33203125" style="43" customWidth="1"/>
    <col min="9011" max="9011" width="11.83203125" style="43" customWidth="1"/>
    <col min="9012" max="9012" width="4.33203125" style="43" customWidth="1"/>
    <col min="9013" max="9013" width="11.83203125" style="43" customWidth="1"/>
    <col min="9014" max="9014" width="4.33203125" style="43" customWidth="1"/>
    <col min="9015" max="9015" width="11.83203125" style="43" customWidth="1"/>
    <col min="9016" max="9016" width="4.33203125" style="43" customWidth="1"/>
    <col min="9017" max="9017" width="11.83203125" style="43" customWidth="1"/>
    <col min="9018" max="9018" width="4.33203125" style="43" customWidth="1"/>
    <col min="9019" max="9019" width="11.83203125" style="43" customWidth="1"/>
    <col min="9020" max="9020" width="4.33203125" style="43" customWidth="1"/>
    <col min="9021" max="9021" width="11.83203125" style="43" customWidth="1"/>
    <col min="9022" max="9022" width="4.33203125" style="43" customWidth="1"/>
    <col min="9023" max="9023" width="11.83203125" style="43" customWidth="1"/>
    <col min="9024" max="9024" width="4.33203125" style="43" customWidth="1"/>
    <col min="9025" max="9025" width="11.83203125" style="43" customWidth="1"/>
    <col min="9026" max="9026" width="4.33203125" style="43" customWidth="1"/>
    <col min="9027" max="9027" width="11.83203125" style="43" customWidth="1"/>
    <col min="9028" max="9028" width="4.33203125" style="43" customWidth="1"/>
    <col min="9029" max="9029" width="11.83203125" style="43" customWidth="1"/>
    <col min="9030" max="9030" width="4.33203125" style="43" customWidth="1"/>
    <col min="9031" max="9031" width="11.83203125" style="43" customWidth="1"/>
    <col min="9032" max="9032" width="4.33203125" style="43" customWidth="1"/>
    <col min="9033" max="9033" width="11.83203125" style="43" customWidth="1"/>
    <col min="9034" max="9124" width="5.33203125" style="43" customWidth="1"/>
    <col min="9125" max="9130" width="1.33203125" style="43" customWidth="1"/>
    <col min="9131" max="9131" width="8.08203125" style="43" customWidth="1"/>
    <col min="9132" max="9132" width="4.33203125" style="43" customWidth="1"/>
    <col min="9133" max="9133" width="11.83203125" style="43" customWidth="1"/>
    <col min="9134" max="9134" width="4.33203125" style="43" customWidth="1"/>
    <col min="9135" max="9135" width="11.83203125" style="43" customWidth="1"/>
    <col min="9136" max="9136" width="4.33203125" style="43" customWidth="1"/>
    <col min="9137" max="9137" width="11.83203125" style="43" customWidth="1"/>
    <col min="9138" max="9138" width="4.33203125" style="43" customWidth="1"/>
    <col min="9139" max="9139" width="11.83203125" style="43" customWidth="1"/>
    <col min="9140" max="9140" width="4.33203125" style="43" customWidth="1"/>
    <col min="9141" max="9141" width="11.83203125" style="43" customWidth="1"/>
    <col min="9142" max="9142" width="4.33203125" style="43" customWidth="1"/>
    <col min="9143" max="9143" width="11.83203125" style="43" customWidth="1"/>
    <col min="9144" max="9144" width="4.33203125" style="43" customWidth="1"/>
    <col min="9145" max="9145" width="11.83203125" style="43" customWidth="1"/>
    <col min="9146" max="9146" width="4.33203125" style="43" customWidth="1"/>
    <col min="9147" max="9147" width="11.83203125" style="43" customWidth="1"/>
    <col min="9148" max="9148" width="4.33203125" style="43" customWidth="1"/>
    <col min="9149" max="9149" width="11.83203125" style="43" customWidth="1"/>
    <col min="9150" max="9150" width="4.33203125" style="43" customWidth="1"/>
    <col min="9151" max="9151" width="11.83203125" style="43" customWidth="1"/>
    <col min="9152" max="9152" width="4.33203125" style="43" customWidth="1"/>
    <col min="9153" max="9153" width="11.83203125" style="43" customWidth="1"/>
    <col min="9154" max="9154" width="4.33203125" style="43" customWidth="1"/>
    <col min="9155" max="9155" width="11.83203125" style="43" customWidth="1"/>
    <col min="9156" max="9156" width="4.33203125" style="43" customWidth="1"/>
    <col min="9157" max="9157" width="11.83203125" style="43" customWidth="1"/>
    <col min="9158" max="9158" width="4.33203125" style="43" customWidth="1"/>
    <col min="9159" max="9159" width="11.83203125" style="43" customWidth="1"/>
    <col min="9160" max="9160" width="4.33203125" style="43" customWidth="1"/>
    <col min="9161" max="9161" width="11.83203125" style="43" customWidth="1"/>
    <col min="9162" max="9162" width="4.33203125" style="43" customWidth="1"/>
    <col min="9163" max="9163" width="11.83203125" style="43" customWidth="1"/>
    <col min="9164" max="9164" width="4.33203125" style="43" customWidth="1"/>
    <col min="9165" max="9165" width="11.83203125" style="43" customWidth="1"/>
    <col min="9166" max="9166" width="4.33203125" style="43" customWidth="1"/>
    <col min="9167" max="9168" width="4.33203125" style="43"/>
    <col min="9169" max="9172" width="1.33203125" style="43" customWidth="1"/>
    <col min="9173" max="9173" width="8.08203125" style="43" customWidth="1"/>
    <col min="9174" max="9174" width="4.33203125" style="43" customWidth="1"/>
    <col min="9175" max="9175" width="11.83203125" style="43" customWidth="1"/>
    <col min="9176" max="9176" width="4.33203125" style="43" customWidth="1"/>
    <col min="9177" max="9177" width="11.83203125" style="43" customWidth="1"/>
    <col min="9178" max="9178" width="4.33203125" style="43" customWidth="1"/>
    <col min="9179" max="9179" width="11.83203125" style="43" customWidth="1"/>
    <col min="9180" max="9180" width="4.33203125" style="43" customWidth="1"/>
    <col min="9181" max="9181" width="11.83203125" style="43" customWidth="1"/>
    <col min="9182" max="9182" width="4.33203125" style="43" customWidth="1"/>
    <col min="9183" max="9183" width="11.83203125" style="43" customWidth="1"/>
    <col min="9184" max="9184" width="4.33203125" style="43" customWidth="1"/>
    <col min="9185" max="9185" width="11.83203125" style="43" customWidth="1"/>
    <col min="9186" max="9186" width="4.33203125" style="43" customWidth="1"/>
    <col min="9187" max="9187" width="11.83203125" style="43" customWidth="1"/>
    <col min="9188" max="9188" width="4.33203125" style="43" customWidth="1"/>
    <col min="9189" max="9189" width="11.83203125" style="43" customWidth="1"/>
    <col min="9190" max="9190" width="4.33203125" style="43" customWidth="1"/>
    <col min="9191" max="9191" width="11.83203125" style="43" customWidth="1"/>
    <col min="9192" max="9192" width="4.33203125" style="43" customWidth="1"/>
    <col min="9193" max="9193" width="11.83203125" style="43" customWidth="1"/>
    <col min="9194" max="9194" width="4.33203125" style="43" customWidth="1"/>
    <col min="9195" max="9195" width="11.83203125" style="43" customWidth="1"/>
    <col min="9196" max="9196" width="4.33203125" style="43" customWidth="1"/>
    <col min="9197" max="9197" width="11.83203125" style="43" customWidth="1"/>
    <col min="9198" max="9198" width="4.33203125" style="43" customWidth="1"/>
    <col min="9199" max="9199" width="11.83203125" style="43" customWidth="1"/>
    <col min="9200" max="9200" width="4.33203125" style="43" customWidth="1"/>
    <col min="9201" max="9201" width="11.83203125" style="43" customWidth="1"/>
    <col min="9202" max="9202" width="4.33203125" style="43" customWidth="1"/>
    <col min="9203" max="9203" width="11.83203125" style="43" customWidth="1"/>
    <col min="9204" max="9204" width="4.33203125" style="43" customWidth="1"/>
    <col min="9205" max="9205" width="11.83203125" style="43" customWidth="1"/>
    <col min="9206" max="9206" width="4.33203125" style="43" customWidth="1"/>
    <col min="9207" max="9207" width="11.83203125" style="43" customWidth="1"/>
    <col min="9208" max="9208" width="4.33203125" style="43" customWidth="1"/>
    <col min="9209" max="9209" width="11.83203125" style="43" customWidth="1"/>
    <col min="9210" max="9210" width="4.33203125" style="43" customWidth="1"/>
    <col min="9211" max="9211" width="11.83203125" style="43" customWidth="1"/>
    <col min="9212" max="9212" width="4.33203125" style="43" customWidth="1"/>
    <col min="9213" max="9213" width="11.83203125" style="43" customWidth="1"/>
    <col min="9214" max="9214" width="4.33203125" style="43" customWidth="1"/>
    <col min="9215" max="9215" width="11.83203125" style="43" customWidth="1"/>
    <col min="9216" max="9216" width="4.33203125" style="43"/>
    <col min="9217" max="9217" width="11.83203125" style="43" customWidth="1"/>
    <col min="9218" max="9218" width="4.33203125" style="43" customWidth="1"/>
    <col min="9219" max="9219" width="11.83203125" style="43" customWidth="1"/>
    <col min="9220" max="9220" width="4.33203125" style="43" customWidth="1"/>
    <col min="9221" max="9221" width="11.83203125" style="43" customWidth="1"/>
    <col min="9222" max="9222" width="4.33203125" style="43" customWidth="1"/>
    <col min="9223" max="9223" width="11.83203125" style="43" customWidth="1"/>
    <col min="9224" max="9224" width="4.33203125" style="43" customWidth="1"/>
    <col min="9225" max="9225" width="11.83203125" style="43" customWidth="1"/>
    <col min="9226" max="9226" width="4.33203125" style="43" customWidth="1"/>
    <col min="9227" max="9227" width="11.83203125" style="43" customWidth="1"/>
    <col min="9228" max="9228" width="4.33203125" style="43" customWidth="1"/>
    <col min="9229" max="9229" width="11.83203125" style="43" customWidth="1"/>
    <col min="9230" max="9230" width="4.33203125" style="43" customWidth="1"/>
    <col min="9231" max="9231" width="11.83203125" style="43" customWidth="1"/>
    <col min="9232" max="9232" width="4.33203125" style="43" customWidth="1"/>
    <col min="9233" max="9233" width="11.83203125" style="43" customWidth="1"/>
    <col min="9234" max="9234" width="4.33203125" style="43" customWidth="1"/>
    <col min="9235" max="9235" width="11.83203125" style="43" customWidth="1"/>
    <col min="9236" max="9236" width="4.33203125" style="43" customWidth="1"/>
    <col min="9237" max="9237" width="11.83203125" style="43" customWidth="1"/>
    <col min="9238" max="9238" width="4.33203125" style="43" customWidth="1"/>
    <col min="9239" max="9239" width="11.83203125" style="43" customWidth="1"/>
    <col min="9240" max="9240" width="4.33203125" style="43" customWidth="1"/>
    <col min="9241" max="9241" width="11.83203125" style="43" customWidth="1"/>
    <col min="9242" max="9242" width="4.33203125" style="43" customWidth="1"/>
    <col min="9243" max="9243" width="11.83203125" style="43" customWidth="1"/>
    <col min="9244" max="9244" width="4.33203125" style="43" customWidth="1"/>
    <col min="9245" max="9245" width="11.83203125" style="43" customWidth="1"/>
    <col min="9246" max="9246" width="4.33203125" style="43" customWidth="1"/>
    <col min="9247" max="9247" width="11.83203125" style="43" customWidth="1"/>
    <col min="9248" max="9248" width="4.33203125" style="43" customWidth="1"/>
    <col min="9249" max="9249" width="11.83203125" style="43" customWidth="1"/>
    <col min="9250" max="9250" width="4.33203125" style="43" customWidth="1"/>
    <col min="9251" max="9251" width="11.83203125" style="43" customWidth="1"/>
    <col min="9252" max="9252" width="4.33203125" style="43" customWidth="1"/>
    <col min="9253" max="9253" width="11.83203125" style="43" customWidth="1"/>
    <col min="9254" max="9254" width="4.33203125" style="43" customWidth="1"/>
    <col min="9255" max="9255" width="11.83203125" style="43" customWidth="1"/>
    <col min="9256" max="9256" width="4.33203125" style="43" customWidth="1"/>
    <col min="9257" max="9257" width="11.83203125" style="43" customWidth="1"/>
    <col min="9258" max="9258" width="4.33203125" style="43" customWidth="1"/>
    <col min="9259" max="9259" width="11.83203125" style="43" customWidth="1"/>
    <col min="9260" max="9260" width="4.33203125" style="43" customWidth="1"/>
    <col min="9261" max="9261" width="11.83203125" style="43" customWidth="1"/>
    <col min="9262" max="9262" width="4.33203125" style="43" customWidth="1"/>
    <col min="9263" max="9263" width="11.83203125" style="43" customWidth="1"/>
    <col min="9264" max="9264" width="4.33203125" style="43" customWidth="1"/>
    <col min="9265" max="9265" width="11.83203125" style="43" customWidth="1"/>
    <col min="9266" max="9266" width="4.33203125" style="43" customWidth="1"/>
    <col min="9267" max="9267" width="11.83203125" style="43" customWidth="1"/>
    <col min="9268" max="9268" width="4.33203125" style="43" customWidth="1"/>
    <col min="9269" max="9269" width="11.83203125" style="43" customWidth="1"/>
    <col min="9270" max="9270" width="4.33203125" style="43" customWidth="1"/>
    <col min="9271" max="9271" width="11.83203125" style="43" customWidth="1"/>
    <col min="9272" max="9272" width="4.33203125" style="43" customWidth="1"/>
    <col min="9273" max="9273" width="11.83203125" style="43" customWidth="1"/>
    <col min="9274" max="9274" width="4.33203125" style="43" customWidth="1"/>
    <col min="9275" max="9275" width="11.83203125" style="43" customWidth="1"/>
    <col min="9276" max="9276" width="4.33203125" style="43" customWidth="1"/>
    <col min="9277" max="9277" width="11.83203125" style="43" customWidth="1"/>
    <col min="9278" max="9278" width="4.33203125" style="43" customWidth="1"/>
    <col min="9279" max="9279" width="11.83203125" style="43" customWidth="1"/>
    <col min="9280" max="9280" width="4.33203125" style="43" customWidth="1"/>
    <col min="9281" max="9281" width="11.83203125" style="43" customWidth="1"/>
    <col min="9282" max="9282" width="4.33203125" style="43" customWidth="1"/>
    <col min="9283" max="9283" width="11.83203125" style="43" customWidth="1"/>
    <col min="9284" max="9284" width="4.33203125" style="43" customWidth="1"/>
    <col min="9285" max="9285" width="11.83203125" style="43" customWidth="1"/>
    <col min="9286" max="9286" width="4.33203125" style="43" customWidth="1"/>
    <col min="9287" max="9287" width="11.83203125" style="43" customWidth="1"/>
    <col min="9288" max="9288" width="4.33203125" style="43" customWidth="1"/>
    <col min="9289" max="9289" width="11.83203125" style="43" customWidth="1"/>
    <col min="9290" max="9380" width="5.33203125" style="43" customWidth="1"/>
    <col min="9381" max="9386" width="1.33203125" style="43" customWidth="1"/>
    <col min="9387" max="9387" width="8.08203125" style="43" customWidth="1"/>
    <col min="9388" max="9388" width="4.33203125" style="43" customWidth="1"/>
    <col min="9389" max="9389" width="11.83203125" style="43" customWidth="1"/>
    <col min="9390" max="9390" width="4.33203125" style="43" customWidth="1"/>
    <col min="9391" max="9391" width="11.83203125" style="43" customWidth="1"/>
    <col min="9392" max="9392" width="4.33203125" style="43" customWidth="1"/>
    <col min="9393" max="9393" width="11.83203125" style="43" customWidth="1"/>
    <col min="9394" max="9394" width="4.33203125" style="43" customWidth="1"/>
    <col min="9395" max="9395" width="11.83203125" style="43" customWidth="1"/>
    <col min="9396" max="9396" width="4.33203125" style="43" customWidth="1"/>
    <col min="9397" max="9397" width="11.83203125" style="43" customWidth="1"/>
    <col min="9398" max="9398" width="4.33203125" style="43" customWidth="1"/>
    <col min="9399" max="9399" width="11.83203125" style="43" customWidth="1"/>
    <col min="9400" max="9400" width="4.33203125" style="43" customWidth="1"/>
    <col min="9401" max="9401" width="11.83203125" style="43" customWidth="1"/>
    <col min="9402" max="9402" width="4.33203125" style="43" customWidth="1"/>
    <col min="9403" max="9403" width="11.83203125" style="43" customWidth="1"/>
    <col min="9404" max="9404" width="4.33203125" style="43" customWidth="1"/>
    <col min="9405" max="9405" width="11.83203125" style="43" customWidth="1"/>
    <col min="9406" max="9406" width="4.33203125" style="43" customWidth="1"/>
    <col min="9407" max="9407" width="11.83203125" style="43" customWidth="1"/>
    <col min="9408" max="9408" width="4.33203125" style="43" customWidth="1"/>
    <col min="9409" max="9409" width="11.83203125" style="43" customWidth="1"/>
    <col min="9410" max="9410" width="4.33203125" style="43" customWidth="1"/>
    <col min="9411" max="9411" width="11.83203125" style="43" customWidth="1"/>
    <col min="9412" max="9412" width="4.33203125" style="43" customWidth="1"/>
    <col min="9413" max="9413" width="11.83203125" style="43" customWidth="1"/>
    <col min="9414" max="9414" width="4.33203125" style="43" customWidth="1"/>
    <col min="9415" max="9415" width="11.83203125" style="43" customWidth="1"/>
    <col min="9416" max="9416" width="4.33203125" style="43" customWidth="1"/>
    <col min="9417" max="9417" width="11.83203125" style="43" customWidth="1"/>
    <col min="9418" max="9418" width="4.33203125" style="43" customWidth="1"/>
    <col min="9419" max="9419" width="11.83203125" style="43" customWidth="1"/>
    <col min="9420" max="9420" width="4.33203125" style="43" customWidth="1"/>
    <col min="9421" max="9421" width="11.83203125" style="43" customWidth="1"/>
    <col min="9422" max="9422" width="4.33203125" style="43" customWidth="1"/>
    <col min="9423" max="9424" width="4.33203125" style="43"/>
    <col min="9425" max="9428" width="1.33203125" style="43" customWidth="1"/>
    <col min="9429" max="9429" width="8.08203125" style="43" customWidth="1"/>
    <col min="9430" max="9430" width="4.33203125" style="43" customWidth="1"/>
    <col min="9431" max="9431" width="11.83203125" style="43" customWidth="1"/>
    <col min="9432" max="9432" width="4.33203125" style="43" customWidth="1"/>
    <col min="9433" max="9433" width="11.83203125" style="43" customWidth="1"/>
    <col min="9434" max="9434" width="4.33203125" style="43" customWidth="1"/>
    <col min="9435" max="9435" width="11.83203125" style="43" customWidth="1"/>
    <col min="9436" max="9436" width="4.33203125" style="43" customWidth="1"/>
    <col min="9437" max="9437" width="11.83203125" style="43" customWidth="1"/>
    <col min="9438" max="9438" width="4.33203125" style="43" customWidth="1"/>
    <col min="9439" max="9439" width="11.83203125" style="43" customWidth="1"/>
    <col min="9440" max="9440" width="4.33203125" style="43" customWidth="1"/>
    <col min="9441" max="9441" width="11.83203125" style="43" customWidth="1"/>
    <col min="9442" max="9442" width="4.33203125" style="43" customWidth="1"/>
    <col min="9443" max="9443" width="11.83203125" style="43" customWidth="1"/>
    <col min="9444" max="9444" width="4.33203125" style="43" customWidth="1"/>
    <col min="9445" max="9445" width="11.83203125" style="43" customWidth="1"/>
    <col min="9446" max="9446" width="4.33203125" style="43" customWidth="1"/>
    <col min="9447" max="9447" width="11.83203125" style="43" customWidth="1"/>
    <col min="9448" max="9448" width="4.33203125" style="43" customWidth="1"/>
    <col min="9449" max="9449" width="11.83203125" style="43" customWidth="1"/>
    <col min="9450" max="9450" width="4.33203125" style="43" customWidth="1"/>
    <col min="9451" max="9451" width="11.83203125" style="43" customWidth="1"/>
    <col min="9452" max="9452" width="4.33203125" style="43" customWidth="1"/>
    <col min="9453" max="9453" width="11.83203125" style="43" customWidth="1"/>
    <col min="9454" max="9454" width="4.33203125" style="43" customWidth="1"/>
    <col min="9455" max="9455" width="11.83203125" style="43" customWidth="1"/>
    <col min="9456" max="9456" width="4.33203125" style="43" customWidth="1"/>
    <col min="9457" max="9457" width="11.83203125" style="43" customWidth="1"/>
    <col min="9458" max="9458" width="4.33203125" style="43" customWidth="1"/>
    <col min="9459" max="9459" width="11.83203125" style="43" customWidth="1"/>
    <col min="9460" max="9460" width="4.33203125" style="43" customWidth="1"/>
    <col min="9461" max="9461" width="11.83203125" style="43" customWidth="1"/>
    <col min="9462" max="9462" width="4.33203125" style="43" customWidth="1"/>
    <col min="9463" max="9463" width="11.83203125" style="43" customWidth="1"/>
    <col min="9464" max="9464" width="4.33203125" style="43" customWidth="1"/>
    <col min="9465" max="9465" width="11.83203125" style="43" customWidth="1"/>
    <col min="9466" max="9466" width="4.33203125" style="43" customWidth="1"/>
    <col min="9467" max="9467" width="11.83203125" style="43" customWidth="1"/>
    <col min="9468" max="9468" width="4.33203125" style="43" customWidth="1"/>
    <col min="9469" max="9469" width="11.83203125" style="43" customWidth="1"/>
    <col min="9470" max="9470" width="4.33203125" style="43" customWidth="1"/>
    <col min="9471" max="9471" width="11.83203125" style="43" customWidth="1"/>
    <col min="9472" max="9472" width="4.33203125" style="43"/>
    <col min="9473" max="9473" width="11.83203125" style="43" customWidth="1"/>
    <col min="9474" max="9474" width="4.33203125" style="43" customWidth="1"/>
    <col min="9475" max="9475" width="11.83203125" style="43" customWidth="1"/>
    <col min="9476" max="9476" width="4.33203125" style="43" customWidth="1"/>
    <col min="9477" max="9477" width="11.83203125" style="43" customWidth="1"/>
    <col min="9478" max="9478" width="4.33203125" style="43" customWidth="1"/>
    <col min="9479" max="9479" width="11.83203125" style="43" customWidth="1"/>
    <col min="9480" max="9480" width="4.33203125" style="43" customWidth="1"/>
    <col min="9481" max="9481" width="11.83203125" style="43" customWidth="1"/>
    <col min="9482" max="9482" width="4.33203125" style="43" customWidth="1"/>
    <col min="9483" max="9483" width="11.83203125" style="43" customWidth="1"/>
    <col min="9484" max="9484" width="4.33203125" style="43" customWidth="1"/>
    <col min="9485" max="9485" width="11.83203125" style="43" customWidth="1"/>
    <col min="9486" max="9486" width="4.33203125" style="43" customWidth="1"/>
    <col min="9487" max="9487" width="11.83203125" style="43" customWidth="1"/>
    <col min="9488" max="9488" width="4.33203125" style="43" customWidth="1"/>
    <col min="9489" max="9489" width="11.83203125" style="43" customWidth="1"/>
    <col min="9490" max="9490" width="4.33203125" style="43" customWidth="1"/>
    <col min="9491" max="9491" width="11.83203125" style="43" customWidth="1"/>
    <col min="9492" max="9492" width="4.33203125" style="43" customWidth="1"/>
    <col min="9493" max="9493" width="11.83203125" style="43" customWidth="1"/>
    <col min="9494" max="9494" width="4.33203125" style="43" customWidth="1"/>
    <col min="9495" max="9495" width="11.83203125" style="43" customWidth="1"/>
    <col min="9496" max="9496" width="4.33203125" style="43" customWidth="1"/>
    <col min="9497" max="9497" width="11.83203125" style="43" customWidth="1"/>
    <col min="9498" max="9498" width="4.33203125" style="43" customWidth="1"/>
    <col min="9499" max="9499" width="11.83203125" style="43" customWidth="1"/>
    <col min="9500" max="9500" width="4.33203125" style="43" customWidth="1"/>
    <col min="9501" max="9501" width="11.83203125" style="43" customWidth="1"/>
    <col min="9502" max="9502" width="4.33203125" style="43" customWidth="1"/>
    <col min="9503" max="9503" width="11.83203125" style="43" customWidth="1"/>
    <col min="9504" max="9504" width="4.33203125" style="43" customWidth="1"/>
    <col min="9505" max="9505" width="11.83203125" style="43" customWidth="1"/>
    <col min="9506" max="9506" width="4.33203125" style="43" customWidth="1"/>
    <col min="9507" max="9507" width="11.83203125" style="43" customWidth="1"/>
    <col min="9508" max="9508" width="4.33203125" style="43" customWidth="1"/>
    <col min="9509" max="9509" width="11.83203125" style="43" customWidth="1"/>
    <col min="9510" max="9510" width="4.33203125" style="43" customWidth="1"/>
    <col min="9511" max="9511" width="11.83203125" style="43" customWidth="1"/>
    <col min="9512" max="9512" width="4.33203125" style="43" customWidth="1"/>
    <col min="9513" max="9513" width="11.83203125" style="43" customWidth="1"/>
    <col min="9514" max="9514" width="4.33203125" style="43" customWidth="1"/>
    <col min="9515" max="9515" width="11.83203125" style="43" customWidth="1"/>
    <col min="9516" max="9516" width="4.33203125" style="43" customWidth="1"/>
    <col min="9517" max="9517" width="11.83203125" style="43" customWidth="1"/>
    <col min="9518" max="9518" width="4.33203125" style="43" customWidth="1"/>
    <col min="9519" max="9519" width="11.83203125" style="43" customWidth="1"/>
    <col min="9520" max="9520" width="4.33203125" style="43" customWidth="1"/>
    <col min="9521" max="9521" width="11.83203125" style="43" customWidth="1"/>
    <col min="9522" max="9522" width="4.33203125" style="43" customWidth="1"/>
    <col min="9523" max="9523" width="11.83203125" style="43" customWidth="1"/>
    <col min="9524" max="9524" width="4.33203125" style="43" customWidth="1"/>
    <col min="9525" max="9525" width="11.83203125" style="43" customWidth="1"/>
    <col min="9526" max="9526" width="4.33203125" style="43" customWidth="1"/>
    <col min="9527" max="9527" width="11.83203125" style="43" customWidth="1"/>
    <col min="9528" max="9528" width="4.33203125" style="43" customWidth="1"/>
    <col min="9529" max="9529" width="11.83203125" style="43" customWidth="1"/>
    <col min="9530" max="9530" width="4.33203125" style="43" customWidth="1"/>
    <col min="9531" max="9531" width="11.83203125" style="43" customWidth="1"/>
    <col min="9532" max="9532" width="4.33203125" style="43" customWidth="1"/>
    <col min="9533" max="9533" width="11.83203125" style="43" customWidth="1"/>
    <col min="9534" max="9534" width="4.33203125" style="43" customWidth="1"/>
    <col min="9535" max="9535" width="11.83203125" style="43" customWidth="1"/>
    <col min="9536" max="9536" width="4.33203125" style="43" customWidth="1"/>
    <col min="9537" max="9537" width="11.83203125" style="43" customWidth="1"/>
    <col min="9538" max="9538" width="4.33203125" style="43" customWidth="1"/>
    <col min="9539" max="9539" width="11.83203125" style="43" customWidth="1"/>
    <col min="9540" max="9540" width="4.33203125" style="43" customWidth="1"/>
    <col min="9541" max="9541" width="11.83203125" style="43" customWidth="1"/>
    <col min="9542" max="9542" width="4.33203125" style="43" customWidth="1"/>
    <col min="9543" max="9543" width="11.83203125" style="43" customWidth="1"/>
    <col min="9544" max="9544" width="4.33203125" style="43" customWidth="1"/>
    <col min="9545" max="9545" width="11.83203125" style="43" customWidth="1"/>
    <col min="9546" max="9636" width="5.33203125" style="43" customWidth="1"/>
    <col min="9637" max="9642" width="1.33203125" style="43" customWidth="1"/>
    <col min="9643" max="9643" width="8.08203125" style="43" customWidth="1"/>
    <col min="9644" max="9644" width="4.33203125" style="43" customWidth="1"/>
    <col min="9645" max="9645" width="11.83203125" style="43" customWidth="1"/>
    <col min="9646" max="9646" width="4.33203125" style="43" customWidth="1"/>
    <col min="9647" max="9647" width="11.83203125" style="43" customWidth="1"/>
    <col min="9648" max="9648" width="4.33203125" style="43" customWidth="1"/>
    <col min="9649" max="9649" width="11.83203125" style="43" customWidth="1"/>
    <col min="9650" max="9650" width="4.33203125" style="43" customWidth="1"/>
    <col min="9651" max="9651" width="11.83203125" style="43" customWidth="1"/>
    <col min="9652" max="9652" width="4.33203125" style="43" customWidth="1"/>
    <col min="9653" max="9653" width="11.83203125" style="43" customWidth="1"/>
    <col min="9654" max="9654" width="4.33203125" style="43" customWidth="1"/>
    <col min="9655" max="9655" width="11.83203125" style="43" customWidth="1"/>
    <col min="9656" max="9656" width="4.33203125" style="43" customWidth="1"/>
    <col min="9657" max="9657" width="11.83203125" style="43" customWidth="1"/>
    <col min="9658" max="9658" width="4.33203125" style="43" customWidth="1"/>
    <col min="9659" max="9659" width="11.83203125" style="43" customWidth="1"/>
    <col min="9660" max="9660" width="4.33203125" style="43" customWidth="1"/>
    <col min="9661" max="9661" width="11.83203125" style="43" customWidth="1"/>
    <col min="9662" max="9662" width="4.33203125" style="43" customWidth="1"/>
    <col min="9663" max="9663" width="11.83203125" style="43" customWidth="1"/>
    <col min="9664" max="9664" width="4.33203125" style="43" customWidth="1"/>
    <col min="9665" max="9665" width="11.83203125" style="43" customWidth="1"/>
    <col min="9666" max="9666" width="4.33203125" style="43" customWidth="1"/>
    <col min="9667" max="9667" width="11.83203125" style="43" customWidth="1"/>
    <col min="9668" max="9668" width="4.33203125" style="43" customWidth="1"/>
    <col min="9669" max="9669" width="11.83203125" style="43" customWidth="1"/>
    <col min="9670" max="9670" width="4.33203125" style="43" customWidth="1"/>
    <col min="9671" max="9671" width="11.83203125" style="43" customWidth="1"/>
    <col min="9672" max="9672" width="4.33203125" style="43" customWidth="1"/>
    <col min="9673" max="9673" width="11.83203125" style="43" customWidth="1"/>
    <col min="9674" max="9674" width="4.33203125" style="43" customWidth="1"/>
    <col min="9675" max="9675" width="11.83203125" style="43" customWidth="1"/>
    <col min="9676" max="9676" width="4.33203125" style="43" customWidth="1"/>
    <col min="9677" max="9677" width="11.83203125" style="43" customWidth="1"/>
    <col min="9678" max="9678" width="4.33203125" style="43" customWidth="1"/>
    <col min="9679" max="9680" width="4.33203125" style="43"/>
    <col min="9681" max="9684" width="1.33203125" style="43" customWidth="1"/>
    <col min="9685" max="9685" width="8.08203125" style="43" customWidth="1"/>
    <col min="9686" max="9686" width="4.33203125" style="43" customWidth="1"/>
    <col min="9687" max="9687" width="11.83203125" style="43" customWidth="1"/>
    <col min="9688" max="9688" width="4.33203125" style="43" customWidth="1"/>
    <col min="9689" max="9689" width="11.83203125" style="43" customWidth="1"/>
    <col min="9690" max="9690" width="4.33203125" style="43" customWidth="1"/>
    <col min="9691" max="9691" width="11.83203125" style="43" customWidth="1"/>
    <col min="9692" max="9692" width="4.33203125" style="43" customWidth="1"/>
    <col min="9693" max="9693" width="11.83203125" style="43" customWidth="1"/>
    <col min="9694" max="9694" width="4.33203125" style="43" customWidth="1"/>
    <col min="9695" max="9695" width="11.83203125" style="43" customWidth="1"/>
    <col min="9696" max="9696" width="4.33203125" style="43" customWidth="1"/>
    <col min="9697" max="9697" width="11.83203125" style="43" customWidth="1"/>
    <col min="9698" max="9698" width="4.33203125" style="43" customWidth="1"/>
    <col min="9699" max="9699" width="11.83203125" style="43" customWidth="1"/>
    <col min="9700" max="9700" width="4.33203125" style="43" customWidth="1"/>
    <col min="9701" max="9701" width="11.83203125" style="43" customWidth="1"/>
    <col min="9702" max="9702" width="4.33203125" style="43" customWidth="1"/>
    <col min="9703" max="9703" width="11.83203125" style="43" customWidth="1"/>
    <col min="9704" max="9704" width="4.33203125" style="43" customWidth="1"/>
    <col min="9705" max="9705" width="11.83203125" style="43" customWidth="1"/>
    <col min="9706" max="9706" width="4.33203125" style="43" customWidth="1"/>
    <col min="9707" max="9707" width="11.83203125" style="43" customWidth="1"/>
    <col min="9708" max="9708" width="4.33203125" style="43" customWidth="1"/>
    <col min="9709" max="9709" width="11.83203125" style="43" customWidth="1"/>
    <col min="9710" max="9710" width="4.33203125" style="43" customWidth="1"/>
    <col min="9711" max="9711" width="11.83203125" style="43" customWidth="1"/>
    <col min="9712" max="9712" width="4.33203125" style="43" customWidth="1"/>
    <col min="9713" max="9713" width="11.83203125" style="43" customWidth="1"/>
    <col min="9714" max="9714" width="4.33203125" style="43" customWidth="1"/>
    <col min="9715" max="9715" width="11.83203125" style="43" customWidth="1"/>
    <col min="9716" max="9716" width="4.33203125" style="43" customWidth="1"/>
    <col min="9717" max="9717" width="11.83203125" style="43" customWidth="1"/>
    <col min="9718" max="9718" width="4.33203125" style="43" customWidth="1"/>
    <col min="9719" max="9719" width="11.83203125" style="43" customWidth="1"/>
    <col min="9720" max="9720" width="4.33203125" style="43" customWidth="1"/>
    <col min="9721" max="9721" width="11.83203125" style="43" customWidth="1"/>
    <col min="9722" max="9722" width="4.33203125" style="43" customWidth="1"/>
    <col min="9723" max="9723" width="11.83203125" style="43" customWidth="1"/>
    <col min="9724" max="9724" width="4.33203125" style="43" customWidth="1"/>
    <col min="9725" max="9725" width="11.83203125" style="43" customWidth="1"/>
    <col min="9726" max="9726" width="4.33203125" style="43" customWidth="1"/>
    <col min="9727" max="9727" width="11.83203125" style="43" customWidth="1"/>
    <col min="9728" max="9728" width="4.33203125" style="43"/>
    <col min="9729" max="9729" width="11.83203125" style="43" customWidth="1"/>
    <col min="9730" max="9730" width="4.33203125" style="43" customWidth="1"/>
    <col min="9731" max="9731" width="11.83203125" style="43" customWidth="1"/>
    <col min="9732" max="9732" width="4.33203125" style="43" customWidth="1"/>
    <col min="9733" max="9733" width="11.83203125" style="43" customWidth="1"/>
    <col min="9734" max="9734" width="4.33203125" style="43" customWidth="1"/>
    <col min="9735" max="9735" width="11.83203125" style="43" customWidth="1"/>
    <col min="9736" max="9736" width="4.33203125" style="43" customWidth="1"/>
    <col min="9737" max="9737" width="11.83203125" style="43" customWidth="1"/>
    <col min="9738" max="9738" width="4.33203125" style="43" customWidth="1"/>
    <col min="9739" max="9739" width="11.83203125" style="43" customWidth="1"/>
    <col min="9740" max="9740" width="4.33203125" style="43" customWidth="1"/>
    <col min="9741" max="9741" width="11.83203125" style="43" customWidth="1"/>
    <col min="9742" max="9742" width="4.33203125" style="43" customWidth="1"/>
    <col min="9743" max="9743" width="11.83203125" style="43" customWidth="1"/>
    <col min="9744" max="9744" width="4.33203125" style="43" customWidth="1"/>
    <col min="9745" max="9745" width="11.83203125" style="43" customWidth="1"/>
    <col min="9746" max="9746" width="4.33203125" style="43" customWidth="1"/>
    <col min="9747" max="9747" width="11.83203125" style="43" customWidth="1"/>
    <col min="9748" max="9748" width="4.33203125" style="43" customWidth="1"/>
    <col min="9749" max="9749" width="11.83203125" style="43" customWidth="1"/>
    <col min="9750" max="9750" width="4.33203125" style="43" customWidth="1"/>
    <col min="9751" max="9751" width="11.83203125" style="43" customWidth="1"/>
    <col min="9752" max="9752" width="4.33203125" style="43" customWidth="1"/>
    <col min="9753" max="9753" width="11.83203125" style="43" customWidth="1"/>
    <col min="9754" max="9754" width="4.33203125" style="43" customWidth="1"/>
    <col min="9755" max="9755" width="11.83203125" style="43" customWidth="1"/>
    <col min="9756" max="9756" width="4.33203125" style="43" customWidth="1"/>
    <col min="9757" max="9757" width="11.83203125" style="43" customWidth="1"/>
    <col min="9758" max="9758" width="4.33203125" style="43" customWidth="1"/>
    <col min="9759" max="9759" width="11.83203125" style="43" customWidth="1"/>
    <col min="9760" max="9760" width="4.33203125" style="43" customWidth="1"/>
    <col min="9761" max="9761" width="11.83203125" style="43" customWidth="1"/>
    <col min="9762" max="9762" width="4.33203125" style="43" customWidth="1"/>
    <col min="9763" max="9763" width="11.83203125" style="43" customWidth="1"/>
    <col min="9764" max="9764" width="4.33203125" style="43" customWidth="1"/>
    <col min="9765" max="9765" width="11.83203125" style="43" customWidth="1"/>
    <col min="9766" max="9766" width="4.33203125" style="43" customWidth="1"/>
    <col min="9767" max="9767" width="11.83203125" style="43" customWidth="1"/>
    <col min="9768" max="9768" width="4.33203125" style="43" customWidth="1"/>
    <col min="9769" max="9769" width="11.83203125" style="43" customWidth="1"/>
    <col min="9770" max="9770" width="4.33203125" style="43" customWidth="1"/>
    <col min="9771" max="9771" width="11.83203125" style="43" customWidth="1"/>
    <col min="9772" max="9772" width="4.33203125" style="43" customWidth="1"/>
    <col min="9773" max="9773" width="11.83203125" style="43" customWidth="1"/>
    <col min="9774" max="9774" width="4.33203125" style="43" customWidth="1"/>
    <col min="9775" max="9775" width="11.83203125" style="43" customWidth="1"/>
    <col min="9776" max="9776" width="4.33203125" style="43" customWidth="1"/>
    <col min="9777" max="9777" width="11.83203125" style="43" customWidth="1"/>
    <col min="9778" max="9778" width="4.33203125" style="43" customWidth="1"/>
    <col min="9779" max="9779" width="11.83203125" style="43" customWidth="1"/>
    <col min="9780" max="9780" width="4.33203125" style="43" customWidth="1"/>
    <col min="9781" max="9781" width="11.83203125" style="43" customWidth="1"/>
    <col min="9782" max="9782" width="4.33203125" style="43" customWidth="1"/>
    <col min="9783" max="9783" width="11.83203125" style="43" customWidth="1"/>
    <col min="9784" max="9784" width="4.33203125" style="43" customWidth="1"/>
    <col min="9785" max="9785" width="11.83203125" style="43" customWidth="1"/>
    <col min="9786" max="9786" width="4.33203125" style="43" customWidth="1"/>
    <col min="9787" max="9787" width="11.83203125" style="43" customWidth="1"/>
    <col min="9788" max="9788" width="4.33203125" style="43" customWidth="1"/>
    <col min="9789" max="9789" width="11.83203125" style="43" customWidth="1"/>
    <col min="9790" max="9790" width="4.33203125" style="43" customWidth="1"/>
    <col min="9791" max="9791" width="11.83203125" style="43" customWidth="1"/>
    <col min="9792" max="9792" width="4.33203125" style="43" customWidth="1"/>
    <col min="9793" max="9793" width="11.83203125" style="43" customWidth="1"/>
    <col min="9794" max="9794" width="4.33203125" style="43" customWidth="1"/>
    <col min="9795" max="9795" width="11.83203125" style="43" customWidth="1"/>
    <col min="9796" max="9796" width="4.33203125" style="43" customWidth="1"/>
    <col min="9797" max="9797" width="11.83203125" style="43" customWidth="1"/>
    <col min="9798" max="9798" width="4.33203125" style="43" customWidth="1"/>
    <col min="9799" max="9799" width="11.83203125" style="43" customWidth="1"/>
    <col min="9800" max="9800" width="4.33203125" style="43" customWidth="1"/>
    <col min="9801" max="9801" width="11.83203125" style="43" customWidth="1"/>
    <col min="9802" max="9892" width="5.33203125" style="43" customWidth="1"/>
    <col min="9893" max="9898" width="1.33203125" style="43" customWidth="1"/>
    <col min="9899" max="9899" width="8.08203125" style="43" customWidth="1"/>
    <col min="9900" max="9900" width="4.33203125" style="43" customWidth="1"/>
    <col min="9901" max="9901" width="11.83203125" style="43" customWidth="1"/>
    <col min="9902" max="9902" width="4.33203125" style="43" customWidth="1"/>
    <col min="9903" max="9903" width="11.83203125" style="43" customWidth="1"/>
    <col min="9904" max="9904" width="4.33203125" style="43" customWidth="1"/>
    <col min="9905" max="9905" width="11.83203125" style="43" customWidth="1"/>
    <col min="9906" max="9906" width="4.33203125" style="43" customWidth="1"/>
    <col min="9907" max="9907" width="11.83203125" style="43" customWidth="1"/>
    <col min="9908" max="9908" width="4.33203125" style="43" customWidth="1"/>
    <col min="9909" max="9909" width="11.83203125" style="43" customWidth="1"/>
    <col min="9910" max="9910" width="4.33203125" style="43" customWidth="1"/>
    <col min="9911" max="9911" width="11.83203125" style="43" customWidth="1"/>
    <col min="9912" max="9912" width="4.33203125" style="43" customWidth="1"/>
    <col min="9913" max="9913" width="11.83203125" style="43" customWidth="1"/>
    <col min="9914" max="9914" width="4.33203125" style="43" customWidth="1"/>
    <col min="9915" max="9915" width="11.83203125" style="43" customWidth="1"/>
    <col min="9916" max="9916" width="4.33203125" style="43" customWidth="1"/>
    <col min="9917" max="9917" width="11.83203125" style="43" customWidth="1"/>
    <col min="9918" max="9918" width="4.33203125" style="43" customWidth="1"/>
    <col min="9919" max="9919" width="11.83203125" style="43" customWidth="1"/>
    <col min="9920" max="9920" width="4.33203125" style="43" customWidth="1"/>
    <col min="9921" max="9921" width="11.83203125" style="43" customWidth="1"/>
    <col min="9922" max="9922" width="4.33203125" style="43" customWidth="1"/>
    <col min="9923" max="9923" width="11.83203125" style="43" customWidth="1"/>
    <col min="9924" max="9924" width="4.33203125" style="43" customWidth="1"/>
    <col min="9925" max="9925" width="11.83203125" style="43" customWidth="1"/>
    <col min="9926" max="9926" width="4.33203125" style="43" customWidth="1"/>
    <col min="9927" max="9927" width="11.83203125" style="43" customWidth="1"/>
    <col min="9928" max="9928" width="4.33203125" style="43" customWidth="1"/>
    <col min="9929" max="9929" width="11.83203125" style="43" customWidth="1"/>
    <col min="9930" max="9930" width="4.33203125" style="43" customWidth="1"/>
    <col min="9931" max="9931" width="11.83203125" style="43" customWidth="1"/>
    <col min="9932" max="9932" width="4.33203125" style="43" customWidth="1"/>
    <col min="9933" max="9933" width="11.83203125" style="43" customWidth="1"/>
    <col min="9934" max="9934" width="4.33203125" style="43" customWidth="1"/>
    <col min="9935" max="9936" width="4.33203125" style="43"/>
    <col min="9937" max="9940" width="1.33203125" style="43" customWidth="1"/>
    <col min="9941" max="9941" width="8.08203125" style="43" customWidth="1"/>
    <col min="9942" max="9942" width="4.33203125" style="43" customWidth="1"/>
    <col min="9943" max="9943" width="11.83203125" style="43" customWidth="1"/>
    <col min="9944" max="9944" width="4.33203125" style="43" customWidth="1"/>
    <col min="9945" max="9945" width="11.83203125" style="43" customWidth="1"/>
    <col min="9946" max="9946" width="4.33203125" style="43" customWidth="1"/>
    <col min="9947" max="9947" width="11.83203125" style="43" customWidth="1"/>
    <col min="9948" max="9948" width="4.33203125" style="43" customWidth="1"/>
    <col min="9949" max="9949" width="11.83203125" style="43" customWidth="1"/>
    <col min="9950" max="9950" width="4.33203125" style="43" customWidth="1"/>
    <col min="9951" max="9951" width="11.83203125" style="43" customWidth="1"/>
    <col min="9952" max="9952" width="4.33203125" style="43" customWidth="1"/>
    <col min="9953" max="9953" width="11.83203125" style="43" customWidth="1"/>
    <col min="9954" max="9954" width="4.33203125" style="43" customWidth="1"/>
    <col min="9955" max="9955" width="11.83203125" style="43" customWidth="1"/>
    <col min="9956" max="9956" width="4.33203125" style="43" customWidth="1"/>
    <col min="9957" max="9957" width="11.83203125" style="43" customWidth="1"/>
    <col min="9958" max="9958" width="4.33203125" style="43" customWidth="1"/>
    <col min="9959" max="9959" width="11.83203125" style="43" customWidth="1"/>
    <col min="9960" max="9960" width="4.33203125" style="43" customWidth="1"/>
    <col min="9961" max="9961" width="11.83203125" style="43" customWidth="1"/>
    <col min="9962" max="9962" width="4.33203125" style="43" customWidth="1"/>
    <col min="9963" max="9963" width="11.83203125" style="43" customWidth="1"/>
    <col min="9964" max="9964" width="4.33203125" style="43" customWidth="1"/>
    <col min="9965" max="9965" width="11.83203125" style="43" customWidth="1"/>
    <col min="9966" max="9966" width="4.33203125" style="43" customWidth="1"/>
    <col min="9967" max="9967" width="11.83203125" style="43" customWidth="1"/>
    <col min="9968" max="9968" width="4.33203125" style="43" customWidth="1"/>
    <col min="9969" max="9969" width="11.83203125" style="43" customWidth="1"/>
    <col min="9970" max="9970" width="4.33203125" style="43" customWidth="1"/>
    <col min="9971" max="9971" width="11.83203125" style="43" customWidth="1"/>
    <col min="9972" max="9972" width="4.33203125" style="43" customWidth="1"/>
    <col min="9973" max="9973" width="11.83203125" style="43" customWidth="1"/>
    <col min="9974" max="9974" width="4.33203125" style="43" customWidth="1"/>
    <col min="9975" max="9975" width="11.83203125" style="43" customWidth="1"/>
    <col min="9976" max="9976" width="4.33203125" style="43" customWidth="1"/>
    <col min="9977" max="9977" width="11.83203125" style="43" customWidth="1"/>
    <col min="9978" max="9978" width="4.33203125" style="43" customWidth="1"/>
    <col min="9979" max="9979" width="11.83203125" style="43" customWidth="1"/>
    <col min="9980" max="9980" width="4.33203125" style="43" customWidth="1"/>
    <col min="9981" max="9981" width="11.83203125" style="43" customWidth="1"/>
    <col min="9982" max="9982" width="4.33203125" style="43" customWidth="1"/>
    <col min="9983" max="9983" width="11.83203125" style="43" customWidth="1"/>
    <col min="9984" max="9984" width="4.33203125" style="43"/>
    <col min="9985" max="9985" width="11.83203125" style="43" customWidth="1"/>
    <col min="9986" max="9986" width="4.33203125" style="43" customWidth="1"/>
    <col min="9987" max="9987" width="11.83203125" style="43" customWidth="1"/>
    <col min="9988" max="9988" width="4.33203125" style="43" customWidth="1"/>
    <col min="9989" max="9989" width="11.83203125" style="43" customWidth="1"/>
    <col min="9990" max="9990" width="4.33203125" style="43" customWidth="1"/>
    <col min="9991" max="9991" width="11.83203125" style="43" customWidth="1"/>
    <col min="9992" max="9992" width="4.33203125" style="43" customWidth="1"/>
    <col min="9993" max="9993" width="11.83203125" style="43" customWidth="1"/>
    <col min="9994" max="9994" width="4.33203125" style="43" customWidth="1"/>
    <col min="9995" max="9995" width="11.83203125" style="43" customWidth="1"/>
    <col min="9996" max="9996" width="4.33203125" style="43" customWidth="1"/>
    <col min="9997" max="9997" width="11.83203125" style="43" customWidth="1"/>
    <col min="9998" max="9998" width="4.33203125" style="43" customWidth="1"/>
    <col min="9999" max="9999" width="11.83203125" style="43" customWidth="1"/>
    <col min="10000" max="10000" width="4.33203125" style="43" customWidth="1"/>
    <col min="10001" max="10001" width="11.83203125" style="43" customWidth="1"/>
    <col min="10002" max="10002" width="4.33203125" style="43" customWidth="1"/>
    <col min="10003" max="10003" width="11.83203125" style="43" customWidth="1"/>
    <col min="10004" max="10004" width="4.33203125" style="43" customWidth="1"/>
    <col min="10005" max="10005" width="11.83203125" style="43" customWidth="1"/>
    <col min="10006" max="10006" width="4.33203125" style="43" customWidth="1"/>
    <col min="10007" max="10007" width="11.83203125" style="43" customWidth="1"/>
    <col min="10008" max="10008" width="4.33203125" style="43" customWidth="1"/>
    <col min="10009" max="10009" width="11.83203125" style="43" customWidth="1"/>
    <col min="10010" max="10010" width="4.33203125" style="43" customWidth="1"/>
    <col min="10011" max="10011" width="11.83203125" style="43" customWidth="1"/>
    <col min="10012" max="10012" width="4.33203125" style="43" customWidth="1"/>
    <col min="10013" max="10013" width="11.83203125" style="43" customWidth="1"/>
    <col min="10014" max="10014" width="4.33203125" style="43" customWidth="1"/>
    <col min="10015" max="10015" width="11.83203125" style="43" customWidth="1"/>
    <col min="10016" max="10016" width="4.33203125" style="43" customWidth="1"/>
    <col min="10017" max="10017" width="11.83203125" style="43" customWidth="1"/>
    <col min="10018" max="10018" width="4.33203125" style="43" customWidth="1"/>
    <col min="10019" max="10019" width="11.83203125" style="43" customWidth="1"/>
    <col min="10020" max="10020" width="4.33203125" style="43" customWidth="1"/>
    <col min="10021" max="10021" width="11.83203125" style="43" customWidth="1"/>
    <col min="10022" max="10022" width="4.33203125" style="43" customWidth="1"/>
    <col min="10023" max="10023" width="11.83203125" style="43" customWidth="1"/>
    <col min="10024" max="10024" width="4.33203125" style="43" customWidth="1"/>
    <col min="10025" max="10025" width="11.83203125" style="43" customWidth="1"/>
    <col min="10026" max="10026" width="4.33203125" style="43" customWidth="1"/>
    <col min="10027" max="10027" width="11.83203125" style="43" customWidth="1"/>
    <col min="10028" max="10028" width="4.33203125" style="43" customWidth="1"/>
    <col min="10029" max="10029" width="11.83203125" style="43" customWidth="1"/>
    <col min="10030" max="10030" width="4.33203125" style="43" customWidth="1"/>
    <col min="10031" max="10031" width="11.83203125" style="43" customWidth="1"/>
    <col min="10032" max="10032" width="4.33203125" style="43" customWidth="1"/>
    <col min="10033" max="10033" width="11.83203125" style="43" customWidth="1"/>
    <col min="10034" max="10034" width="4.33203125" style="43" customWidth="1"/>
    <col min="10035" max="10035" width="11.83203125" style="43" customWidth="1"/>
    <col min="10036" max="10036" width="4.33203125" style="43" customWidth="1"/>
    <col min="10037" max="10037" width="11.83203125" style="43" customWidth="1"/>
    <col min="10038" max="10038" width="4.33203125" style="43" customWidth="1"/>
    <col min="10039" max="10039" width="11.83203125" style="43" customWidth="1"/>
    <col min="10040" max="10040" width="4.33203125" style="43" customWidth="1"/>
    <col min="10041" max="10041" width="11.83203125" style="43" customWidth="1"/>
    <col min="10042" max="10042" width="4.33203125" style="43" customWidth="1"/>
    <col min="10043" max="10043" width="11.83203125" style="43" customWidth="1"/>
    <col min="10044" max="10044" width="4.33203125" style="43" customWidth="1"/>
    <col min="10045" max="10045" width="11.83203125" style="43" customWidth="1"/>
    <col min="10046" max="10046" width="4.33203125" style="43" customWidth="1"/>
    <col min="10047" max="10047" width="11.83203125" style="43" customWidth="1"/>
    <col min="10048" max="10048" width="4.33203125" style="43" customWidth="1"/>
    <col min="10049" max="10049" width="11.83203125" style="43" customWidth="1"/>
    <col min="10050" max="10050" width="4.33203125" style="43" customWidth="1"/>
    <col min="10051" max="10051" width="11.83203125" style="43" customWidth="1"/>
    <col min="10052" max="10052" width="4.33203125" style="43" customWidth="1"/>
    <col min="10053" max="10053" width="11.83203125" style="43" customWidth="1"/>
    <col min="10054" max="10054" width="4.33203125" style="43" customWidth="1"/>
    <col min="10055" max="10055" width="11.83203125" style="43" customWidth="1"/>
    <col min="10056" max="10056" width="4.33203125" style="43" customWidth="1"/>
    <col min="10057" max="10057" width="11.83203125" style="43" customWidth="1"/>
    <col min="10058" max="10148" width="5.33203125" style="43" customWidth="1"/>
    <col min="10149" max="10154" width="1.33203125" style="43" customWidth="1"/>
    <col min="10155" max="10155" width="8.08203125" style="43" customWidth="1"/>
    <col min="10156" max="10156" width="4.33203125" style="43" customWidth="1"/>
    <col min="10157" max="10157" width="11.83203125" style="43" customWidth="1"/>
    <col min="10158" max="10158" width="4.33203125" style="43" customWidth="1"/>
    <col min="10159" max="10159" width="11.83203125" style="43" customWidth="1"/>
    <col min="10160" max="10160" width="4.33203125" style="43" customWidth="1"/>
    <col min="10161" max="10161" width="11.83203125" style="43" customWidth="1"/>
    <col min="10162" max="10162" width="4.33203125" style="43" customWidth="1"/>
    <col min="10163" max="10163" width="11.83203125" style="43" customWidth="1"/>
    <col min="10164" max="10164" width="4.33203125" style="43" customWidth="1"/>
    <col min="10165" max="10165" width="11.83203125" style="43" customWidth="1"/>
    <col min="10166" max="10166" width="4.33203125" style="43" customWidth="1"/>
    <col min="10167" max="10167" width="11.83203125" style="43" customWidth="1"/>
    <col min="10168" max="10168" width="4.33203125" style="43" customWidth="1"/>
    <col min="10169" max="10169" width="11.83203125" style="43" customWidth="1"/>
    <col min="10170" max="10170" width="4.33203125" style="43" customWidth="1"/>
    <col min="10171" max="10171" width="11.83203125" style="43" customWidth="1"/>
    <col min="10172" max="10172" width="4.33203125" style="43" customWidth="1"/>
    <col min="10173" max="10173" width="11.83203125" style="43" customWidth="1"/>
    <col min="10174" max="10174" width="4.33203125" style="43" customWidth="1"/>
    <col min="10175" max="10175" width="11.83203125" style="43" customWidth="1"/>
    <col min="10176" max="10176" width="4.33203125" style="43" customWidth="1"/>
    <col min="10177" max="10177" width="11.83203125" style="43" customWidth="1"/>
    <col min="10178" max="10178" width="4.33203125" style="43" customWidth="1"/>
    <col min="10179" max="10179" width="11.83203125" style="43" customWidth="1"/>
    <col min="10180" max="10180" width="4.33203125" style="43" customWidth="1"/>
    <col min="10181" max="10181" width="11.83203125" style="43" customWidth="1"/>
    <col min="10182" max="10182" width="4.33203125" style="43" customWidth="1"/>
    <col min="10183" max="10183" width="11.83203125" style="43" customWidth="1"/>
    <col min="10184" max="10184" width="4.33203125" style="43" customWidth="1"/>
    <col min="10185" max="10185" width="11.83203125" style="43" customWidth="1"/>
    <col min="10186" max="10186" width="4.33203125" style="43" customWidth="1"/>
    <col min="10187" max="10187" width="11.83203125" style="43" customWidth="1"/>
    <col min="10188" max="10188" width="4.33203125" style="43" customWidth="1"/>
    <col min="10189" max="10189" width="11.83203125" style="43" customWidth="1"/>
    <col min="10190" max="10190" width="4.33203125" style="43" customWidth="1"/>
    <col min="10191" max="10192" width="4.33203125" style="43"/>
    <col min="10193" max="10196" width="1.33203125" style="43" customWidth="1"/>
    <col min="10197" max="10197" width="8.08203125" style="43" customWidth="1"/>
    <col min="10198" max="10198" width="4.33203125" style="43" customWidth="1"/>
    <col min="10199" max="10199" width="11.83203125" style="43" customWidth="1"/>
    <col min="10200" max="10200" width="4.33203125" style="43" customWidth="1"/>
    <col min="10201" max="10201" width="11.83203125" style="43" customWidth="1"/>
    <col min="10202" max="10202" width="4.33203125" style="43" customWidth="1"/>
    <col min="10203" max="10203" width="11.83203125" style="43" customWidth="1"/>
    <col min="10204" max="10204" width="4.33203125" style="43" customWidth="1"/>
    <col min="10205" max="10205" width="11.83203125" style="43" customWidth="1"/>
    <col min="10206" max="10206" width="4.33203125" style="43" customWidth="1"/>
    <col min="10207" max="10207" width="11.83203125" style="43" customWidth="1"/>
    <col min="10208" max="10208" width="4.33203125" style="43" customWidth="1"/>
    <col min="10209" max="10209" width="11.83203125" style="43" customWidth="1"/>
    <col min="10210" max="10210" width="4.33203125" style="43" customWidth="1"/>
    <col min="10211" max="10211" width="11.83203125" style="43" customWidth="1"/>
    <col min="10212" max="10212" width="4.33203125" style="43" customWidth="1"/>
    <col min="10213" max="10213" width="11.83203125" style="43" customWidth="1"/>
    <col min="10214" max="10214" width="4.33203125" style="43" customWidth="1"/>
    <col min="10215" max="10215" width="11.83203125" style="43" customWidth="1"/>
    <col min="10216" max="10216" width="4.33203125" style="43" customWidth="1"/>
    <col min="10217" max="10217" width="11.83203125" style="43" customWidth="1"/>
    <col min="10218" max="10218" width="4.33203125" style="43" customWidth="1"/>
    <col min="10219" max="10219" width="11.83203125" style="43" customWidth="1"/>
    <col min="10220" max="10220" width="4.33203125" style="43" customWidth="1"/>
    <col min="10221" max="10221" width="11.83203125" style="43" customWidth="1"/>
    <col min="10222" max="10222" width="4.33203125" style="43" customWidth="1"/>
    <col min="10223" max="10223" width="11.83203125" style="43" customWidth="1"/>
    <col min="10224" max="10224" width="4.33203125" style="43" customWidth="1"/>
    <col min="10225" max="10225" width="11.83203125" style="43" customWidth="1"/>
    <col min="10226" max="10226" width="4.33203125" style="43" customWidth="1"/>
    <col min="10227" max="10227" width="11.83203125" style="43" customWidth="1"/>
    <col min="10228" max="10228" width="4.33203125" style="43" customWidth="1"/>
    <col min="10229" max="10229" width="11.83203125" style="43" customWidth="1"/>
    <col min="10230" max="10230" width="4.33203125" style="43" customWidth="1"/>
    <col min="10231" max="10231" width="11.83203125" style="43" customWidth="1"/>
    <col min="10232" max="10232" width="4.33203125" style="43" customWidth="1"/>
    <col min="10233" max="10233" width="11.83203125" style="43" customWidth="1"/>
    <col min="10234" max="10234" width="4.33203125" style="43" customWidth="1"/>
    <col min="10235" max="10235" width="11.83203125" style="43" customWidth="1"/>
    <col min="10236" max="10236" width="4.33203125" style="43" customWidth="1"/>
    <col min="10237" max="10237" width="11.83203125" style="43" customWidth="1"/>
    <col min="10238" max="10238" width="4.33203125" style="43" customWidth="1"/>
    <col min="10239" max="10239" width="11.83203125" style="43" customWidth="1"/>
    <col min="10240" max="10240" width="4.33203125" style="43"/>
    <col min="10241" max="10241" width="11.83203125" style="43" customWidth="1"/>
    <col min="10242" max="10242" width="4.33203125" style="43" customWidth="1"/>
    <col min="10243" max="10243" width="11.83203125" style="43" customWidth="1"/>
    <col min="10244" max="10244" width="4.33203125" style="43" customWidth="1"/>
    <col min="10245" max="10245" width="11.83203125" style="43" customWidth="1"/>
    <col min="10246" max="10246" width="4.33203125" style="43" customWidth="1"/>
    <col min="10247" max="10247" width="11.83203125" style="43" customWidth="1"/>
    <col min="10248" max="10248" width="4.33203125" style="43" customWidth="1"/>
    <col min="10249" max="10249" width="11.83203125" style="43" customWidth="1"/>
    <col min="10250" max="10250" width="4.33203125" style="43" customWidth="1"/>
    <col min="10251" max="10251" width="11.83203125" style="43" customWidth="1"/>
    <col min="10252" max="10252" width="4.33203125" style="43" customWidth="1"/>
    <col min="10253" max="10253" width="11.83203125" style="43" customWidth="1"/>
    <col min="10254" max="10254" width="4.33203125" style="43" customWidth="1"/>
    <col min="10255" max="10255" width="11.83203125" style="43" customWidth="1"/>
    <col min="10256" max="10256" width="4.33203125" style="43" customWidth="1"/>
    <col min="10257" max="10257" width="11.83203125" style="43" customWidth="1"/>
    <col min="10258" max="10258" width="4.33203125" style="43" customWidth="1"/>
    <col min="10259" max="10259" width="11.83203125" style="43" customWidth="1"/>
    <col min="10260" max="10260" width="4.33203125" style="43" customWidth="1"/>
    <col min="10261" max="10261" width="11.83203125" style="43" customWidth="1"/>
    <col min="10262" max="10262" width="4.33203125" style="43" customWidth="1"/>
    <col min="10263" max="10263" width="11.83203125" style="43" customWidth="1"/>
    <col min="10264" max="10264" width="4.33203125" style="43" customWidth="1"/>
    <col min="10265" max="10265" width="11.83203125" style="43" customWidth="1"/>
    <col min="10266" max="10266" width="4.33203125" style="43" customWidth="1"/>
    <col min="10267" max="10267" width="11.83203125" style="43" customWidth="1"/>
    <col min="10268" max="10268" width="4.33203125" style="43" customWidth="1"/>
    <col min="10269" max="10269" width="11.83203125" style="43" customWidth="1"/>
    <col min="10270" max="10270" width="4.33203125" style="43" customWidth="1"/>
    <col min="10271" max="10271" width="11.83203125" style="43" customWidth="1"/>
    <col min="10272" max="10272" width="4.33203125" style="43" customWidth="1"/>
    <col min="10273" max="10273" width="11.83203125" style="43" customWidth="1"/>
    <col min="10274" max="10274" width="4.33203125" style="43" customWidth="1"/>
    <col min="10275" max="10275" width="11.83203125" style="43" customWidth="1"/>
    <col min="10276" max="10276" width="4.33203125" style="43" customWidth="1"/>
    <col min="10277" max="10277" width="11.83203125" style="43" customWidth="1"/>
    <col min="10278" max="10278" width="4.33203125" style="43" customWidth="1"/>
    <col min="10279" max="10279" width="11.83203125" style="43" customWidth="1"/>
    <col min="10280" max="10280" width="4.33203125" style="43" customWidth="1"/>
    <col min="10281" max="10281" width="11.83203125" style="43" customWidth="1"/>
    <col min="10282" max="10282" width="4.33203125" style="43" customWidth="1"/>
    <col min="10283" max="10283" width="11.83203125" style="43" customWidth="1"/>
    <col min="10284" max="10284" width="4.33203125" style="43" customWidth="1"/>
    <col min="10285" max="10285" width="11.83203125" style="43" customWidth="1"/>
    <col min="10286" max="10286" width="4.33203125" style="43" customWidth="1"/>
    <col min="10287" max="10287" width="11.83203125" style="43" customWidth="1"/>
    <col min="10288" max="10288" width="4.33203125" style="43" customWidth="1"/>
    <col min="10289" max="10289" width="11.83203125" style="43" customWidth="1"/>
    <col min="10290" max="10290" width="4.33203125" style="43" customWidth="1"/>
    <col min="10291" max="10291" width="11.83203125" style="43" customWidth="1"/>
    <col min="10292" max="10292" width="4.33203125" style="43" customWidth="1"/>
    <col min="10293" max="10293" width="11.83203125" style="43" customWidth="1"/>
    <col min="10294" max="10294" width="4.33203125" style="43" customWidth="1"/>
    <col min="10295" max="10295" width="11.83203125" style="43" customWidth="1"/>
    <col min="10296" max="10296" width="4.33203125" style="43" customWidth="1"/>
    <col min="10297" max="10297" width="11.83203125" style="43" customWidth="1"/>
    <col min="10298" max="10298" width="4.33203125" style="43" customWidth="1"/>
    <col min="10299" max="10299" width="11.83203125" style="43" customWidth="1"/>
    <col min="10300" max="10300" width="4.33203125" style="43" customWidth="1"/>
    <col min="10301" max="10301" width="11.83203125" style="43" customWidth="1"/>
    <col min="10302" max="10302" width="4.33203125" style="43" customWidth="1"/>
    <col min="10303" max="10303" width="11.83203125" style="43" customWidth="1"/>
    <col min="10304" max="10304" width="4.33203125" style="43" customWidth="1"/>
    <col min="10305" max="10305" width="11.83203125" style="43" customWidth="1"/>
    <col min="10306" max="10306" width="4.33203125" style="43" customWidth="1"/>
    <col min="10307" max="10307" width="11.83203125" style="43" customWidth="1"/>
    <col min="10308" max="10308" width="4.33203125" style="43" customWidth="1"/>
    <col min="10309" max="10309" width="11.83203125" style="43" customWidth="1"/>
    <col min="10310" max="10310" width="4.33203125" style="43" customWidth="1"/>
    <col min="10311" max="10311" width="11.83203125" style="43" customWidth="1"/>
    <col min="10312" max="10312" width="4.33203125" style="43" customWidth="1"/>
    <col min="10313" max="10313" width="11.83203125" style="43" customWidth="1"/>
    <col min="10314" max="10404" width="5.33203125" style="43" customWidth="1"/>
    <col min="10405" max="10410" width="1.33203125" style="43" customWidth="1"/>
    <col min="10411" max="10411" width="8.08203125" style="43" customWidth="1"/>
    <col min="10412" max="10412" width="4.33203125" style="43" customWidth="1"/>
    <col min="10413" max="10413" width="11.83203125" style="43" customWidth="1"/>
    <col min="10414" max="10414" width="4.33203125" style="43" customWidth="1"/>
    <col min="10415" max="10415" width="11.83203125" style="43" customWidth="1"/>
    <col min="10416" max="10416" width="4.33203125" style="43" customWidth="1"/>
    <col min="10417" max="10417" width="11.83203125" style="43" customWidth="1"/>
    <col min="10418" max="10418" width="4.33203125" style="43" customWidth="1"/>
    <col min="10419" max="10419" width="11.83203125" style="43" customWidth="1"/>
    <col min="10420" max="10420" width="4.33203125" style="43" customWidth="1"/>
    <col min="10421" max="10421" width="11.83203125" style="43" customWidth="1"/>
    <col min="10422" max="10422" width="4.33203125" style="43" customWidth="1"/>
    <col min="10423" max="10423" width="11.83203125" style="43" customWidth="1"/>
    <col min="10424" max="10424" width="4.33203125" style="43" customWidth="1"/>
    <col min="10425" max="10425" width="11.83203125" style="43" customWidth="1"/>
    <col min="10426" max="10426" width="4.33203125" style="43" customWidth="1"/>
    <col min="10427" max="10427" width="11.83203125" style="43" customWidth="1"/>
    <col min="10428" max="10428" width="4.33203125" style="43" customWidth="1"/>
    <col min="10429" max="10429" width="11.83203125" style="43" customWidth="1"/>
    <col min="10430" max="10430" width="4.33203125" style="43" customWidth="1"/>
    <col min="10431" max="10431" width="11.83203125" style="43" customWidth="1"/>
    <col min="10432" max="10432" width="4.33203125" style="43" customWidth="1"/>
    <col min="10433" max="10433" width="11.83203125" style="43" customWidth="1"/>
    <col min="10434" max="10434" width="4.33203125" style="43" customWidth="1"/>
    <col min="10435" max="10435" width="11.83203125" style="43" customWidth="1"/>
    <col min="10436" max="10436" width="4.33203125" style="43" customWidth="1"/>
    <col min="10437" max="10437" width="11.83203125" style="43" customWidth="1"/>
    <col min="10438" max="10438" width="4.33203125" style="43" customWidth="1"/>
    <col min="10439" max="10439" width="11.83203125" style="43" customWidth="1"/>
    <col min="10440" max="10440" width="4.33203125" style="43" customWidth="1"/>
    <col min="10441" max="10441" width="11.83203125" style="43" customWidth="1"/>
    <col min="10442" max="10442" width="4.33203125" style="43" customWidth="1"/>
    <col min="10443" max="10443" width="11.83203125" style="43" customWidth="1"/>
    <col min="10444" max="10444" width="4.33203125" style="43" customWidth="1"/>
    <col min="10445" max="10445" width="11.83203125" style="43" customWidth="1"/>
    <col min="10446" max="10446" width="4.33203125" style="43" customWidth="1"/>
    <col min="10447" max="10448" width="4.33203125" style="43"/>
    <col min="10449" max="10452" width="1.33203125" style="43" customWidth="1"/>
    <col min="10453" max="10453" width="8.08203125" style="43" customWidth="1"/>
    <col min="10454" max="10454" width="4.33203125" style="43" customWidth="1"/>
    <col min="10455" max="10455" width="11.83203125" style="43" customWidth="1"/>
    <col min="10456" max="10456" width="4.33203125" style="43" customWidth="1"/>
    <col min="10457" max="10457" width="11.83203125" style="43" customWidth="1"/>
    <col min="10458" max="10458" width="4.33203125" style="43" customWidth="1"/>
    <col min="10459" max="10459" width="11.83203125" style="43" customWidth="1"/>
    <col min="10460" max="10460" width="4.33203125" style="43" customWidth="1"/>
    <col min="10461" max="10461" width="11.83203125" style="43" customWidth="1"/>
    <col min="10462" max="10462" width="4.33203125" style="43" customWidth="1"/>
    <col min="10463" max="10463" width="11.83203125" style="43" customWidth="1"/>
    <col min="10464" max="10464" width="4.33203125" style="43" customWidth="1"/>
    <col min="10465" max="10465" width="11.83203125" style="43" customWidth="1"/>
    <col min="10466" max="10466" width="4.33203125" style="43" customWidth="1"/>
    <col min="10467" max="10467" width="11.83203125" style="43" customWidth="1"/>
    <col min="10468" max="10468" width="4.33203125" style="43" customWidth="1"/>
    <col min="10469" max="10469" width="11.83203125" style="43" customWidth="1"/>
    <col min="10470" max="10470" width="4.33203125" style="43" customWidth="1"/>
    <col min="10471" max="10471" width="11.83203125" style="43" customWidth="1"/>
    <col min="10472" max="10472" width="4.33203125" style="43" customWidth="1"/>
    <col min="10473" max="10473" width="11.83203125" style="43" customWidth="1"/>
    <col min="10474" max="10474" width="4.33203125" style="43" customWidth="1"/>
    <col min="10475" max="10475" width="11.83203125" style="43" customWidth="1"/>
    <col min="10476" max="10476" width="4.33203125" style="43" customWidth="1"/>
    <col min="10477" max="10477" width="11.83203125" style="43" customWidth="1"/>
    <col min="10478" max="10478" width="4.33203125" style="43" customWidth="1"/>
    <col min="10479" max="10479" width="11.83203125" style="43" customWidth="1"/>
    <col min="10480" max="10480" width="4.33203125" style="43" customWidth="1"/>
    <col min="10481" max="10481" width="11.83203125" style="43" customWidth="1"/>
    <col min="10482" max="10482" width="4.33203125" style="43" customWidth="1"/>
    <col min="10483" max="10483" width="11.83203125" style="43" customWidth="1"/>
    <col min="10484" max="10484" width="4.33203125" style="43" customWidth="1"/>
    <col min="10485" max="10485" width="11.83203125" style="43" customWidth="1"/>
    <col min="10486" max="10486" width="4.33203125" style="43" customWidth="1"/>
    <col min="10487" max="10487" width="11.83203125" style="43" customWidth="1"/>
    <col min="10488" max="10488" width="4.33203125" style="43" customWidth="1"/>
    <col min="10489" max="10489" width="11.83203125" style="43" customWidth="1"/>
    <col min="10490" max="10490" width="4.33203125" style="43" customWidth="1"/>
    <col min="10491" max="10491" width="11.83203125" style="43" customWidth="1"/>
    <col min="10492" max="10492" width="4.33203125" style="43" customWidth="1"/>
    <col min="10493" max="10493" width="11.83203125" style="43" customWidth="1"/>
    <col min="10494" max="10494" width="4.33203125" style="43" customWidth="1"/>
    <col min="10495" max="10495" width="11.83203125" style="43" customWidth="1"/>
    <col min="10496" max="10496" width="4.33203125" style="43"/>
    <col min="10497" max="10497" width="11.83203125" style="43" customWidth="1"/>
    <col min="10498" max="10498" width="4.33203125" style="43" customWidth="1"/>
    <col min="10499" max="10499" width="11.83203125" style="43" customWidth="1"/>
    <col min="10500" max="10500" width="4.33203125" style="43" customWidth="1"/>
    <col min="10501" max="10501" width="11.83203125" style="43" customWidth="1"/>
    <col min="10502" max="10502" width="4.33203125" style="43" customWidth="1"/>
    <col min="10503" max="10503" width="11.83203125" style="43" customWidth="1"/>
    <col min="10504" max="10504" width="4.33203125" style="43" customWidth="1"/>
    <col min="10505" max="10505" width="11.83203125" style="43" customWidth="1"/>
    <col min="10506" max="10506" width="4.33203125" style="43" customWidth="1"/>
    <col min="10507" max="10507" width="11.83203125" style="43" customWidth="1"/>
    <col min="10508" max="10508" width="4.33203125" style="43" customWidth="1"/>
    <col min="10509" max="10509" width="11.83203125" style="43" customWidth="1"/>
    <col min="10510" max="10510" width="4.33203125" style="43" customWidth="1"/>
    <col min="10511" max="10511" width="11.83203125" style="43" customWidth="1"/>
    <col min="10512" max="10512" width="4.33203125" style="43" customWidth="1"/>
    <col min="10513" max="10513" width="11.83203125" style="43" customWidth="1"/>
    <col min="10514" max="10514" width="4.33203125" style="43" customWidth="1"/>
    <col min="10515" max="10515" width="11.83203125" style="43" customWidth="1"/>
    <col min="10516" max="10516" width="4.33203125" style="43" customWidth="1"/>
    <col min="10517" max="10517" width="11.83203125" style="43" customWidth="1"/>
    <col min="10518" max="10518" width="4.33203125" style="43" customWidth="1"/>
    <col min="10519" max="10519" width="11.83203125" style="43" customWidth="1"/>
    <col min="10520" max="10520" width="4.33203125" style="43" customWidth="1"/>
    <col min="10521" max="10521" width="11.83203125" style="43" customWidth="1"/>
    <col min="10522" max="10522" width="4.33203125" style="43" customWidth="1"/>
    <col min="10523" max="10523" width="11.83203125" style="43" customWidth="1"/>
    <col min="10524" max="10524" width="4.33203125" style="43" customWidth="1"/>
    <col min="10525" max="10525" width="11.83203125" style="43" customWidth="1"/>
    <col min="10526" max="10526" width="4.33203125" style="43" customWidth="1"/>
    <col min="10527" max="10527" width="11.83203125" style="43" customWidth="1"/>
    <col min="10528" max="10528" width="4.33203125" style="43" customWidth="1"/>
    <col min="10529" max="10529" width="11.83203125" style="43" customWidth="1"/>
    <col min="10530" max="10530" width="4.33203125" style="43" customWidth="1"/>
    <col min="10531" max="10531" width="11.83203125" style="43" customWidth="1"/>
    <col min="10532" max="10532" width="4.33203125" style="43" customWidth="1"/>
    <col min="10533" max="10533" width="11.83203125" style="43" customWidth="1"/>
    <col min="10534" max="10534" width="4.33203125" style="43" customWidth="1"/>
    <col min="10535" max="10535" width="11.83203125" style="43" customWidth="1"/>
    <col min="10536" max="10536" width="4.33203125" style="43" customWidth="1"/>
    <col min="10537" max="10537" width="11.83203125" style="43" customWidth="1"/>
    <col min="10538" max="10538" width="4.33203125" style="43" customWidth="1"/>
    <col min="10539" max="10539" width="11.83203125" style="43" customWidth="1"/>
    <col min="10540" max="10540" width="4.33203125" style="43" customWidth="1"/>
    <col min="10541" max="10541" width="11.83203125" style="43" customWidth="1"/>
    <col min="10542" max="10542" width="4.33203125" style="43" customWidth="1"/>
    <col min="10543" max="10543" width="11.83203125" style="43" customWidth="1"/>
    <col min="10544" max="10544" width="4.33203125" style="43" customWidth="1"/>
    <col min="10545" max="10545" width="11.83203125" style="43" customWidth="1"/>
    <col min="10546" max="10546" width="4.33203125" style="43" customWidth="1"/>
    <col min="10547" max="10547" width="11.83203125" style="43" customWidth="1"/>
    <col min="10548" max="10548" width="4.33203125" style="43" customWidth="1"/>
    <col min="10549" max="10549" width="11.83203125" style="43" customWidth="1"/>
    <col min="10550" max="10550" width="4.33203125" style="43" customWidth="1"/>
    <col min="10551" max="10551" width="11.83203125" style="43" customWidth="1"/>
    <col min="10552" max="10552" width="4.33203125" style="43" customWidth="1"/>
    <col min="10553" max="10553" width="11.83203125" style="43" customWidth="1"/>
    <col min="10554" max="10554" width="4.33203125" style="43" customWidth="1"/>
    <col min="10555" max="10555" width="11.83203125" style="43" customWidth="1"/>
    <col min="10556" max="10556" width="4.33203125" style="43" customWidth="1"/>
    <col min="10557" max="10557" width="11.83203125" style="43" customWidth="1"/>
    <col min="10558" max="10558" width="4.33203125" style="43" customWidth="1"/>
    <col min="10559" max="10559" width="11.83203125" style="43" customWidth="1"/>
    <col min="10560" max="10560" width="4.33203125" style="43" customWidth="1"/>
    <col min="10561" max="10561" width="11.83203125" style="43" customWidth="1"/>
    <col min="10562" max="10562" width="4.33203125" style="43" customWidth="1"/>
    <col min="10563" max="10563" width="11.83203125" style="43" customWidth="1"/>
    <col min="10564" max="10564" width="4.33203125" style="43" customWidth="1"/>
    <col min="10565" max="10565" width="11.83203125" style="43" customWidth="1"/>
    <col min="10566" max="10566" width="4.33203125" style="43" customWidth="1"/>
    <col min="10567" max="10567" width="11.83203125" style="43" customWidth="1"/>
    <col min="10568" max="10568" width="4.33203125" style="43" customWidth="1"/>
    <col min="10569" max="10569" width="11.83203125" style="43" customWidth="1"/>
    <col min="10570" max="10660" width="5.33203125" style="43" customWidth="1"/>
    <col min="10661" max="10666" width="1.33203125" style="43" customWidth="1"/>
    <col min="10667" max="10667" width="8.08203125" style="43" customWidth="1"/>
    <col min="10668" max="10668" width="4.33203125" style="43" customWidth="1"/>
    <col min="10669" max="10669" width="11.83203125" style="43" customWidth="1"/>
    <col min="10670" max="10670" width="4.33203125" style="43" customWidth="1"/>
    <col min="10671" max="10671" width="11.83203125" style="43" customWidth="1"/>
    <col min="10672" max="10672" width="4.33203125" style="43" customWidth="1"/>
    <col min="10673" max="10673" width="11.83203125" style="43" customWidth="1"/>
    <col min="10674" max="10674" width="4.33203125" style="43" customWidth="1"/>
    <col min="10675" max="10675" width="11.83203125" style="43" customWidth="1"/>
    <col min="10676" max="10676" width="4.33203125" style="43" customWidth="1"/>
    <col min="10677" max="10677" width="11.83203125" style="43" customWidth="1"/>
    <col min="10678" max="10678" width="4.33203125" style="43" customWidth="1"/>
    <col min="10679" max="10679" width="11.83203125" style="43" customWidth="1"/>
    <col min="10680" max="10680" width="4.33203125" style="43" customWidth="1"/>
    <col min="10681" max="10681" width="11.83203125" style="43" customWidth="1"/>
    <col min="10682" max="10682" width="4.33203125" style="43" customWidth="1"/>
    <col min="10683" max="10683" width="11.83203125" style="43" customWidth="1"/>
    <col min="10684" max="10684" width="4.33203125" style="43" customWidth="1"/>
    <col min="10685" max="10685" width="11.83203125" style="43" customWidth="1"/>
    <col min="10686" max="10686" width="4.33203125" style="43" customWidth="1"/>
    <col min="10687" max="10687" width="11.83203125" style="43" customWidth="1"/>
    <col min="10688" max="10688" width="4.33203125" style="43" customWidth="1"/>
    <col min="10689" max="10689" width="11.83203125" style="43" customWidth="1"/>
    <col min="10690" max="10690" width="4.33203125" style="43" customWidth="1"/>
    <col min="10691" max="10691" width="11.83203125" style="43" customWidth="1"/>
    <col min="10692" max="10692" width="4.33203125" style="43" customWidth="1"/>
    <col min="10693" max="10693" width="11.83203125" style="43" customWidth="1"/>
    <col min="10694" max="10694" width="4.33203125" style="43" customWidth="1"/>
    <col min="10695" max="10695" width="11.83203125" style="43" customWidth="1"/>
    <col min="10696" max="10696" width="4.33203125" style="43" customWidth="1"/>
    <col min="10697" max="10697" width="11.83203125" style="43" customWidth="1"/>
    <col min="10698" max="10698" width="4.33203125" style="43" customWidth="1"/>
    <col min="10699" max="10699" width="11.83203125" style="43" customWidth="1"/>
    <col min="10700" max="10700" width="4.33203125" style="43" customWidth="1"/>
    <col min="10701" max="10701" width="11.83203125" style="43" customWidth="1"/>
    <col min="10702" max="10702" width="4.33203125" style="43" customWidth="1"/>
    <col min="10703" max="10704" width="4.33203125" style="43"/>
    <col min="10705" max="10708" width="1.33203125" style="43" customWidth="1"/>
    <col min="10709" max="10709" width="8.08203125" style="43" customWidth="1"/>
    <col min="10710" max="10710" width="4.33203125" style="43" customWidth="1"/>
    <col min="10711" max="10711" width="11.83203125" style="43" customWidth="1"/>
    <col min="10712" max="10712" width="4.33203125" style="43" customWidth="1"/>
    <col min="10713" max="10713" width="11.83203125" style="43" customWidth="1"/>
    <col min="10714" max="10714" width="4.33203125" style="43" customWidth="1"/>
    <col min="10715" max="10715" width="11.83203125" style="43" customWidth="1"/>
    <col min="10716" max="10716" width="4.33203125" style="43" customWidth="1"/>
    <col min="10717" max="10717" width="11.83203125" style="43" customWidth="1"/>
    <col min="10718" max="10718" width="4.33203125" style="43" customWidth="1"/>
    <col min="10719" max="10719" width="11.83203125" style="43" customWidth="1"/>
    <col min="10720" max="10720" width="4.33203125" style="43" customWidth="1"/>
    <col min="10721" max="10721" width="11.83203125" style="43" customWidth="1"/>
    <col min="10722" max="10722" width="4.33203125" style="43" customWidth="1"/>
    <col min="10723" max="10723" width="11.83203125" style="43" customWidth="1"/>
    <col min="10724" max="10724" width="4.33203125" style="43" customWidth="1"/>
    <col min="10725" max="10725" width="11.83203125" style="43" customWidth="1"/>
    <col min="10726" max="10726" width="4.33203125" style="43" customWidth="1"/>
    <col min="10727" max="10727" width="11.83203125" style="43" customWidth="1"/>
    <col min="10728" max="10728" width="4.33203125" style="43" customWidth="1"/>
    <col min="10729" max="10729" width="11.83203125" style="43" customWidth="1"/>
    <col min="10730" max="10730" width="4.33203125" style="43" customWidth="1"/>
    <col min="10731" max="10731" width="11.83203125" style="43" customWidth="1"/>
    <col min="10732" max="10732" width="4.33203125" style="43" customWidth="1"/>
    <col min="10733" max="10733" width="11.83203125" style="43" customWidth="1"/>
    <col min="10734" max="10734" width="4.33203125" style="43" customWidth="1"/>
    <col min="10735" max="10735" width="11.83203125" style="43" customWidth="1"/>
    <col min="10736" max="10736" width="4.33203125" style="43" customWidth="1"/>
    <col min="10737" max="10737" width="11.83203125" style="43" customWidth="1"/>
    <col min="10738" max="10738" width="4.33203125" style="43" customWidth="1"/>
    <col min="10739" max="10739" width="11.83203125" style="43" customWidth="1"/>
    <col min="10740" max="10740" width="4.33203125" style="43" customWidth="1"/>
    <col min="10741" max="10741" width="11.83203125" style="43" customWidth="1"/>
    <col min="10742" max="10742" width="4.33203125" style="43" customWidth="1"/>
    <col min="10743" max="10743" width="11.83203125" style="43" customWidth="1"/>
    <col min="10744" max="10744" width="4.33203125" style="43" customWidth="1"/>
    <col min="10745" max="10745" width="11.83203125" style="43" customWidth="1"/>
    <col min="10746" max="10746" width="4.33203125" style="43" customWidth="1"/>
    <col min="10747" max="10747" width="11.83203125" style="43" customWidth="1"/>
    <col min="10748" max="10748" width="4.33203125" style="43" customWidth="1"/>
    <col min="10749" max="10749" width="11.83203125" style="43" customWidth="1"/>
    <col min="10750" max="10750" width="4.33203125" style="43" customWidth="1"/>
    <col min="10751" max="10751" width="11.83203125" style="43" customWidth="1"/>
    <col min="10752" max="10752" width="4.33203125" style="43"/>
    <col min="10753" max="10753" width="11.83203125" style="43" customWidth="1"/>
    <col min="10754" max="10754" width="4.33203125" style="43" customWidth="1"/>
    <col min="10755" max="10755" width="11.83203125" style="43" customWidth="1"/>
    <col min="10756" max="10756" width="4.33203125" style="43" customWidth="1"/>
    <col min="10757" max="10757" width="11.83203125" style="43" customWidth="1"/>
    <col min="10758" max="10758" width="4.33203125" style="43" customWidth="1"/>
    <col min="10759" max="10759" width="11.83203125" style="43" customWidth="1"/>
    <col min="10760" max="10760" width="4.33203125" style="43" customWidth="1"/>
    <col min="10761" max="10761" width="11.83203125" style="43" customWidth="1"/>
    <col min="10762" max="10762" width="4.33203125" style="43" customWidth="1"/>
    <col min="10763" max="10763" width="11.83203125" style="43" customWidth="1"/>
    <col min="10764" max="10764" width="4.33203125" style="43" customWidth="1"/>
    <col min="10765" max="10765" width="11.83203125" style="43" customWidth="1"/>
    <col min="10766" max="10766" width="4.33203125" style="43" customWidth="1"/>
    <col min="10767" max="10767" width="11.83203125" style="43" customWidth="1"/>
    <col min="10768" max="10768" width="4.33203125" style="43" customWidth="1"/>
    <col min="10769" max="10769" width="11.83203125" style="43" customWidth="1"/>
    <col min="10770" max="10770" width="4.33203125" style="43" customWidth="1"/>
    <col min="10771" max="10771" width="11.83203125" style="43" customWidth="1"/>
    <col min="10772" max="10772" width="4.33203125" style="43" customWidth="1"/>
    <col min="10773" max="10773" width="11.83203125" style="43" customWidth="1"/>
    <col min="10774" max="10774" width="4.33203125" style="43" customWidth="1"/>
    <col min="10775" max="10775" width="11.83203125" style="43" customWidth="1"/>
    <col min="10776" max="10776" width="4.33203125" style="43" customWidth="1"/>
    <col min="10777" max="10777" width="11.83203125" style="43" customWidth="1"/>
    <col min="10778" max="10778" width="4.33203125" style="43" customWidth="1"/>
    <col min="10779" max="10779" width="11.83203125" style="43" customWidth="1"/>
    <col min="10780" max="10780" width="4.33203125" style="43" customWidth="1"/>
    <col min="10781" max="10781" width="11.83203125" style="43" customWidth="1"/>
    <col min="10782" max="10782" width="4.33203125" style="43" customWidth="1"/>
    <col min="10783" max="10783" width="11.83203125" style="43" customWidth="1"/>
    <col min="10784" max="10784" width="4.33203125" style="43" customWidth="1"/>
    <col min="10785" max="10785" width="11.83203125" style="43" customWidth="1"/>
    <col min="10786" max="10786" width="4.33203125" style="43" customWidth="1"/>
    <col min="10787" max="10787" width="11.83203125" style="43" customWidth="1"/>
    <col min="10788" max="10788" width="4.33203125" style="43" customWidth="1"/>
    <col min="10789" max="10789" width="11.83203125" style="43" customWidth="1"/>
    <col min="10790" max="10790" width="4.33203125" style="43" customWidth="1"/>
    <col min="10791" max="10791" width="11.83203125" style="43" customWidth="1"/>
    <col min="10792" max="10792" width="4.33203125" style="43" customWidth="1"/>
    <col min="10793" max="10793" width="11.83203125" style="43" customWidth="1"/>
    <col min="10794" max="10794" width="4.33203125" style="43" customWidth="1"/>
    <col min="10795" max="10795" width="11.83203125" style="43" customWidth="1"/>
    <col min="10796" max="10796" width="4.33203125" style="43" customWidth="1"/>
    <col min="10797" max="10797" width="11.83203125" style="43" customWidth="1"/>
    <col min="10798" max="10798" width="4.33203125" style="43" customWidth="1"/>
    <col min="10799" max="10799" width="11.83203125" style="43" customWidth="1"/>
    <col min="10800" max="10800" width="4.33203125" style="43" customWidth="1"/>
    <col min="10801" max="10801" width="11.83203125" style="43" customWidth="1"/>
    <col min="10802" max="10802" width="4.33203125" style="43" customWidth="1"/>
    <col min="10803" max="10803" width="11.83203125" style="43" customWidth="1"/>
    <col min="10804" max="10804" width="4.33203125" style="43" customWidth="1"/>
    <col min="10805" max="10805" width="11.83203125" style="43" customWidth="1"/>
    <col min="10806" max="10806" width="4.33203125" style="43" customWidth="1"/>
    <col min="10807" max="10807" width="11.83203125" style="43" customWidth="1"/>
    <col min="10808" max="10808" width="4.33203125" style="43" customWidth="1"/>
    <col min="10809" max="10809" width="11.83203125" style="43" customWidth="1"/>
    <col min="10810" max="10810" width="4.33203125" style="43" customWidth="1"/>
    <col min="10811" max="10811" width="11.83203125" style="43" customWidth="1"/>
    <col min="10812" max="10812" width="4.33203125" style="43" customWidth="1"/>
    <col min="10813" max="10813" width="11.83203125" style="43" customWidth="1"/>
    <col min="10814" max="10814" width="4.33203125" style="43" customWidth="1"/>
    <col min="10815" max="10815" width="11.83203125" style="43" customWidth="1"/>
    <col min="10816" max="10816" width="4.33203125" style="43" customWidth="1"/>
    <col min="10817" max="10817" width="11.83203125" style="43" customWidth="1"/>
    <col min="10818" max="10818" width="4.33203125" style="43" customWidth="1"/>
    <col min="10819" max="10819" width="11.83203125" style="43" customWidth="1"/>
    <col min="10820" max="10820" width="4.33203125" style="43" customWidth="1"/>
    <col min="10821" max="10821" width="11.83203125" style="43" customWidth="1"/>
    <col min="10822" max="10822" width="4.33203125" style="43" customWidth="1"/>
    <col min="10823" max="10823" width="11.83203125" style="43" customWidth="1"/>
    <col min="10824" max="10824" width="4.33203125" style="43" customWidth="1"/>
    <col min="10825" max="10825" width="11.83203125" style="43" customWidth="1"/>
    <col min="10826" max="10916" width="5.33203125" style="43" customWidth="1"/>
    <col min="10917" max="10922" width="1.33203125" style="43" customWidth="1"/>
    <col min="10923" max="10923" width="8.08203125" style="43" customWidth="1"/>
    <col min="10924" max="10924" width="4.33203125" style="43" customWidth="1"/>
    <col min="10925" max="10925" width="11.83203125" style="43" customWidth="1"/>
    <col min="10926" max="10926" width="4.33203125" style="43" customWidth="1"/>
    <col min="10927" max="10927" width="11.83203125" style="43" customWidth="1"/>
    <col min="10928" max="10928" width="4.33203125" style="43" customWidth="1"/>
    <col min="10929" max="10929" width="11.83203125" style="43" customWidth="1"/>
    <col min="10930" max="10930" width="4.33203125" style="43" customWidth="1"/>
    <col min="10931" max="10931" width="11.83203125" style="43" customWidth="1"/>
    <col min="10932" max="10932" width="4.33203125" style="43" customWidth="1"/>
    <col min="10933" max="10933" width="11.83203125" style="43" customWidth="1"/>
    <col min="10934" max="10934" width="4.33203125" style="43" customWidth="1"/>
    <col min="10935" max="10935" width="11.83203125" style="43" customWidth="1"/>
    <col min="10936" max="10936" width="4.33203125" style="43" customWidth="1"/>
    <col min="10937" max="10937" width="11.83203125" style="43" customWidth="1"/>
    <col min="10938" max="10938" width="4.33203125" style="43" customWidth="1"/>
    <col min="10939" max="10939" width="11.83203125" style="43" customWidth="1"/>
    <col min="10940" max="10940" width="4.33203125" style="43" customWidth="1"/>
    <col min="10941" max="10941" width="11.83203125" style="43" customWidth="1"/>
    <col min="10942" max="10942" width="4.33203125" style="43" customWidth="1"/>
    <col min="10943" max="10943" width="11.83203125" style="43" customWidth="1"/>
    <col min="10944" max="10944" width="4.33203125" style="43" customWidth="1"/>
    <col min="10945" max="10945" width="11.83203125" style="43" customWidth="1"/>
    <col min="10946" max="10946" width="4.33203125" style="43" customWidth="1"/>
    <col min="10947" max="10947" width="11.83203125" style="43" customWidth="1"/>
    <col min="10948" max="10948" width="4.33203125" style="43" customWidth="1"/>
    <col min="10949" max="10949" width="11.83203125" style="43" customWidth="1"/>
    <col min="10950" max="10950" width="4.33203125" style="43" customWidth="1"/>
    <col min="10951" max="10951" width="11.83203125" style="43" customWidth="1"/>
    <col min="10952" max="10952" width="4.33203125" style="43" customWidth="1"/>
    <col min="10953" max="10953" width="11.83203125" style="43" customWidth="1"/>
    <col min="10954" max="10954" width="4.33203125" style="43" customWidth="1"/>
    <col min="10955" max="10955" width="11.83203125" style="43" customWidth="1"/>
    <col min="10956" max="10956" width="4.33203125" style="43" customWidth="1"/>
    <col min="10957" max="10957" width="11.83203125" style="43" customWidth="1"/>
    <col min="10958" max="10958" width="4.33203125" style="43" customWidth="1"/>
    <col min="10959" max="10960" width="4.33203125" style="43"/>
    <col min="10961" max="10964" width="1.33203125" style="43" customWidth="1"/>
    <col min="10965" max="10965" width="8.08203125" style="43" customWidth="1"/>
    <col min="10966" max="10966" width="4.33203125" style="43" customWidth="1"/>
    <col min="10967" max="10967" width="11.83203125" style="43" customWidth="1"/>
    <col min="10968" max="10968" width="4.33203125" style="43" customWidth="1"/>
    <col min="10969" max="10969" width="11.83203125" style="43" customWidth="1"/>
    <col min="10970" max="10970" width="4.33203125" style="43" customWidth="1"/>
    <col min="10971" max="10971" width="11.83203125" style="43" customWidth="1"/>
    <col min="10972" max="10972" width="4.33203125" style="43" customWidth="1"/>
    <col min="10973" max="10973" width="11.83203125" style="43" customWidth="1"/>
    <col min="10974" max="10974" width="4.33203125" style="43" customWidth="1"/>
    <col min="10975" max="10975" width="11.83203125" style="43" customWidth="1"/>
    <col min="10976" max="10976" width="4.33203125" style="43" customWidth="1"/>
    <col min="10977" max="10977" width="11.83203125" style="43" customWidth="1"/>
    <col min="10978" max="10978" width="4.33203125" style="43" customWidth="1"/>
    <col min="10979" max="10979" width="11.83203125" style="43" customWidth="1"/>
    <col min="10980" max="10980" width="4.33203125" style="43" customWidth="1"/>
    <col min="10981" max="10981" width="11.83203125" style="43" customWidth="1"/>
    <col min="10982" max="10982" width="4.33203125" style="43" customWidth="1"/>
    <col min="10983" max="10983" width="11.83203125" style="43" customWidth="1"/>
    <col min="10984" max="10984" width="4.33203125" style="43" customWidth="1"/>
    <col min="10985" max="10985" width="11.83203125" style="43" customWidth="1"/>
    <col min="10986" max="10986" width="4.33203125" style="43" customWidth="1"/>
    <col min="10987" max="10987" width="11.83203125" style="43" customWidth="1"/>
    <col min="10988" max="10988" width="4.33203125" style="43" customWidth="1"/>
    <col min="10989" max="10989" width="11.83203125" style="43" customWidth="1"/>
    <col min="10990" max="10990" width="4.33203125" style="43" customWidth="1"/>
    <col min="10991" max="10991" width="11.83203125" style="43" customWidth="1"/>
    <col min="10992" max="10992" width="4.33203125" style="43" customWidth="1"/>
    <col min="10993" max="10993" width="11.83203125" style="43" customWidth="1"/>
    <col min="10994" max="10994" width="4.33203125" style="43" customWidth="1"/>
    <col min="10995" max="10995" width="11.83203125" style="43" customWidth="1"/>
    <col min="10996" max="10996" width="4.33203125" style="43" customWidth="1"/>
    <col min="10997" max="10997" width="11.83203125" style="43" customWidth="1"/>
    <col min="10998" max="10998" width="4.33203125" style="43" customWidth="1"/>
    <col min="10999" max="10999" width="11.83203125" style="43" customWidth="1"/>
    <col min="11000" max="11000" width="4.33203125" style="43" customWidth="1"/>
    <col min="11001" max="11001" width="11.83203125" style="43" customWidth="1"/>
    <col min="11002" max="11002" width="4.33203125" style="43" customWidth="1"/>
    <col min="11003" max="11003" width="11.83203125" style="43" customWidth="1"/>
    <col min="11004" max="11004" width="4.33203125" style="43" customWidth="1"/>
    <col min="11005" max="11005" width="11.83203125" style="43" customWidth="1"/>
    <col min="11006" max="11006" width="4.33203125" style="43" customWidth="1"/>
    <col min="11007" max="11007" width="11.83203125" style="43" customWidth="1"/>
    <col min="11008" max="11008" width="4.33203125" style="43"/>
    <col min="11009" max="11009" width="11.83203125" style="43" customWidth="1"/>
    <col min="11010" max="11010" width="4.33203125" style="43" customWidth="1"/>
    <col min="11011" max="11011" width="11.83203125" style="43" customWidth="1"/>
    <col min="11012" max="11012" width="4.33203125" style="43" customWidth="1"/>
    <col min="11013" max="11013" width="11.83203125" style="43" customWidth="1"/>
    <col min="11014" max="11014" width="4.33203125" style="43" customWidth="1"/>
    <col min="11015" max="11015" width="11.83203125" style="43" customWidth="1"/>
    <col min="11016" max="11016" width="4.33203125" style="43" customWidth="1"/>
    <col min="11017" max="11017" width="11.83203125" style="43" customWidth="1"/>
    <col min="11018" max="11018" width="4.33203125" style="43" customWidth="1"/>
    <col min="11019" max="11019" width="11.83203125" style="43" customWidth="1"/>
    <col min="11020" max="11020" width="4.33203125" style="43" customWidth="1"/>
    <col min="11021" max="11021" width="11.83203125" style="43" customWidth="1"/>
    <col min="11022" max="11022" width="4.33203125" style="43" customWidth="1"/>
    <col min="11023" max="11023" width="11.83203125" style="43" customWidth="1"/>
    <col min="11024" max="11024" width="4.33203125" style="43" customWidth="1"/>
    <col min="11025" max="11025" width="11.83203125" style="43" customWidth="1"/>
    <col min="11026" max="11026" width="4.33203125" style="43" customWidth="1"/>
    <col min="11027" max="11027" width="11.83203125" style="43" customWidth="1"/>
    <col min="11028" max="11028" width="4.33203125" style="43" customWidth="1"/>
    <col min="11029" max="11029" width="11.83203125" style="43" customWidth="1"/>
    <col min="11030" max="11030" width="4.33203125" style="43" customWidth="1"/>
    <col min="11031" max="11031" width="11.83203125" style="43" customWidth="1"/>
    <col min="11032" max="11032" width="4.33203125" style="43" customWidth="1"/>
    <col min="11033" max="11033" width="11.83203125" style="43" customWidth="1"/>
    <col min="11034" max="11034" width="4.33203125" style="43" customWidth="1"/>
    <col min="11035" max="11035" width="11.83203125" style="43" customWidth="1"/>
    <col min="11036" max="11036" width="4.33203125" style="43" customWidth="1"/>
    <col min="11037" max="11037" width="11.83203125" style="43" customWidth="1"/>
    <col min="11038" max="11038" width="4.33203125" style="43" customWidth="1"/>
    <col min="11039" max="11039" width="11.83203125" style="43" customWidth="1"/>
    <col min="11040" max="11040" width="4.33203125" style="43" customWidth="1"/>
    <col min="11041" max="11041" width="11.83203125" style="43" customWidth="1"/>
    <col min="11042" max="11042" width="4.33203125" style="43" customWidth="1"/>
    <col min="11043" max="11043" width="11.83203125" style="43" customWidth="1"/>
    <col min="11044" max="11044" width="4.33203125" style="43" customWidth="1"/>
    <col min="11045" max="11045" width="11.83203125" style="43" customWidth="1"/>
    <col min="11046" max="11046" width="4.33203125" style="43" customWidth="1"/>
    <col min="11047" max="11047" width="11.83203125" style="43" customWidth="1"/>
    <col min="11048" max="11048" width="4.33203125" style="43" customWidth="1"/>
    <col min="11049" max="11049" width="11.83203125" style="43" customWidth="1"/>
    <col min="11050" max="11050" width="4.33203125" style="43" customWidth="1"/>
    <col min="11051" max="11051" width="11.83203125" style="43" customWidth="1"/>
    <col min="11052" max="11052" width="4.33203125" style="43" customWidth="1"/>
    <col min="11053" max="11053" width="11.83203125" style="43" customWidth="1"/>
    <col min="11054" max="11054" width="4.33203125" style="43" customWidth="1"/>
    <col min="11055" max="11055" width="11.83203125" style="43" customWidth="1"/>
    <col min="11056" max="11056" width="4.33203125" style="43" customWidth="1"/>
    <col min="11057" max="11057" width="11.83203125" style="43" customWidth="1"/>
    <col min="11058" max="11058" width="4.33203125" style="43" customWidth="1"/>
    <col min="11059" max="11059" width="11.83203125" style="43" customWidth="1"/>
    <col min="11060" max="11060" width="4.33203125" style="43" customWidth="1"/>
    <col min="11061" max="11061" width="11.83203125" style="43" customWidth="1"/>
    <col min="11062" max="11062" width="4.33203125" style="43" customWidth="1"/>
    <col min="11063" max="11063" width="11.83203125" style="43" customWidth="1"/>
    <col min="11064" max="11064" width="4.33203125" style="43" customWidth="1"/>
    <col min="11065" max="11065" width="11.83203125" style="43" customWidth="1"/>
    <col min="11066" max="11066" width="4.33203125" style="43" customWidth="1"/>
    <col min="11067" max="11067" width="11.83203125" style="43" customWidth="1"/>
    <col min="11068" max="11068" width="4.33203125" style="43" customWidth="1"/>
    <col min="11069" max="11069" width="11.83203125" style="43" customWidth="1"/>
    <col min="11070" max="11070" width="4.33203125" style="43" customWidth="1"/>
    <col min="11071" max="11071" width="11.83203125" style="43" customWidth="1"/>
    <col min="11072" max="11072" width="4.33203125" style="43" customWidth="1"/>
    <col min="11073" max="11073" width="11.83203125" style="43" customWidth="1"/>
    <col min="11074" max="11074" width="4.33203125" style="43" customWidth="1"/>
    <col min="11075" max="11075" width="11.83203125" style="43" customWidth="1"/>
    <col min="11076" max="11076" width="4.33203125" style="43" customWidth="1"/>
    <col min="11077" max="11077" width="11.83203125" style="43" customWidth="1"/>
    <col min="11078" max="11078" width="4.33203125" style="43" customWidth="1"/>
    <col min="11079" max="11079" width="11.83203125" style="43" customWidth="1"/>
    <col min="11080" max="11080" width="4.33203125" style="43" customWidth="1"/>
    <col min="11081" max="11081" width="11.83203125" style="43" customWidth="1"/>
    <col min="11082" max="11172" width="5.33203125" style="43" customWidth="1"/>
    <col min="11173" max="11178" width="1.33203125" style="43" customWidth="1"/>
    <col min="11179" max="11179" width="8.08203125" style="43" customWidth="1"/>
    <col min="11180" max="11180" width="4.33203125" style="43" customWidth="1"/>
    <col min="11181" max="11181" width="11.83203125" style="43" customWidth="1"/>
    <col min="11182" max="11182" width="4.33203125" style="43" customWidth="1"/>
    <col min="11183" max="11183" width="11.83203125" style="43" customWidth="1"/>
    <col min="11184" max="11184" width="4.33203125" style="43" customWidth="1"/>
    <col min="11185" max="11185" width="11.83203125" style="43" customWidth="1"/>
    <col min="11186" max="11186" width="4.33203125" style="43" customWidth="1"/>
    <col min="11187" max="11187" width="11.83203125" style="43" customWidth="1"/>
    <col min="11188" max="11188" width="4.33203125" style="43" customWidth="1"/>
    <col min="11189" max="11189" width="11.83203125" style="43" customWidth="1"/>
    <col min="11190" max="11190" width="4.33203125" style="43" customWidth="1"/>
    <col min="11191" max="11191" width="11.83203125" style="43" customWidth="1"/>
    <col min="11192" max="11192" width="4.33203125" style="43" customWidth="1"/>
    <col min="11193" max="11193" width="11.83203125" style="43" customWidth="1"/>
    <col min="11194" max="11194" width="4.33203125" style="43" customWidth="1"/>
    <col min="11195" max="11195" width="11.83203125" style="43" customWidth="1"/>
    <col min="11196" max="11196" width="4.33203125" style="43" customWidth="1"/>
    <col min="11197" max="11197" width="11.83203125" style="43" customWidth="1"/>
    <col min="11198" max="11198" width="4.33203125" style="43" customWidth="1"/>
    <col min="11199" max="11199" width="11.83203125" style="43" customWidth="1"/>
    <col min="11200" max="11200" width="4.33203125" style="43" customWidth="1"/>
    <col min="11201" max="11201" width="11.83203125" style="43" customWidth="1"/>
    <col min="11202" max="11202" width="4.33203125" style="43" customWidth="1"/>
    <col min="11203" max="11203" width="11.83203125" style="43" customWidth="1"/>
    <col min="11204" max="11204" width="4.33203125" style="43" customWidth="1"/>
    <col min="11205" max="11205" width="11.83203125" style="43" customWidth="1"/>
    <col min="11206" max="11206" width="4.33203125" style="43" customWidth="1"/>
    <col min="11207" max="11207" width="11.83203125" style="43" customWidth="1"/>
    <col min="11208" max="11208" width="4.33203125" style="43" customWidth="1"/>
    <col min="11209" max="11209" width="11.83203125" style="43" customWidth="1"/>
    <col min="11210" max="11210" width="4.33203125" style="43" customWidth="1"/>
    <col min="11211" max="11211" width="11.83203125" style="43" customWidth="1"/>
    <col min="11212" max="11212" width="4.33203125" style="43" customWidth="1"/>
    <col min="11213" max="11213" width="11.83203125" style="43" customWidth="1"/>
    <col min="11214" max="11214" width="4.33203125" style="43" customWidth="1"/>
    <col min="11215" max="11216" width="4.33203125" style="43"/>
    <col min="11217" max="11220" width="1.33203125" style="43" customWidth="1"/>
    <col min="11221" max="11221" width="8.08203125" style="43" customWidth="1"/>
    <col min="11222" max="11222" width="4.33203125" style="43" customWidth="1"/>
    <col min="11223" max="11223" width="11.83203125" style="43" customWidth="1"/>
    <col min="11224" max="11224" width="4.33203125" style="43" customWidth="1"/>
    <col min="11225" max="11225" width="11.83203125" style="43" customWidth="1"/>
    <col min="11226" max="11226" width="4.33203125" style="43" customWidth="1"/>
    <col min="11227" max="11227" width="11.83203125" style="43" customWidth="1"/>
    <col min="11228" max="11228" width="4.33203125" style="43" customWidth="1"/>
    <col min="11229" max="11229" width="11.83203125" style="43" customWidth="1"/>
    <col min="11230" max="11230" width="4.33203125" style="43" customWidth="1"/>
    <col min="11231" max="11231" width="11.83203125" style="43" customWidth="1"/>
    <col min="11232" max="11232" width="4.33203125" style="43" customWidth="1"/>
    <col min="11233" max="11233" width="11.83203125" style="43" customWidth="1"/>
    <col min="11234" max="11234" width="4.33203125" style="43" customWidth="1"/>
    <col min="11235" max="11235" width="11.83203125" style="43" customWidth="1"/>
    <col min="11236" max="11236" width="4.33203125" style="43" customWidth="1"/>
    <col min="11237" max="11237" width="11.83203125" style="43" customWidth="1"/>
    <col min="11238" max="11238" width="4.33203125" style="43" customWidth="1"/>
    <col min="11239" max="11239" width="11.83203125" style="43" customWidth="1"/>
    <col min="11240" max="11240" width="4.33203125" style="43" customWidth="1"/>
    <col min="11241" max="11241" width="11.83203125" style="43" customWidth="1"/>
    <col min="11242" max="11242" width="4.33203125" style="43" customWidth="1"/>
    <col min="11243" max="11243" width="11.83203125" style="43" customWidth="1"/>
    <col min="11244" max="11244" width="4.33203125" style="43" customWidth="1"/>
    <col min="11245" max="11245" width="11.83203125" style="43" customWidth="1"/>
    <col min="11246" max="11246" width="4.33203125" style="43" customWidth="1"/>
    <col min="11247" max="11247" width="11.83203125" style="43" customWidth="1"/>
    <col min="11248" max="11248" width="4.33203125" style="43" customWidth="1"/>
    <col min="11249" max="11249" width="11.83203125" style="43" customWidth="1"/>
    <col min="11250" max="11250" width="4.33203125" style="43" customWidth="1"/>
    <col min="11251" max="11251" width="11.83203125" style="43" customWidth="1"/>
    <col min="11252" max="11252" width="4.33203125" style="43" customWidth="1"/>
    <col min="11253" max="11253" width="11.83203125" style="43" customWidth="1"/>
    <col min="11254" max="11254" width="4.33203125" style="43" customWidth="1"/>
    <col min="11255" max="11255" width="11.83203125" style="43" customWidth="1"/>
    <col min="11256" max="11256" width="4.33203125" style="43" customWidth="1"/>
    <col min="11257" max="11257" width="11.83203125" style="43" customWidth="1"/>
    <col min="11258" max="11258" width="4.33203125" style="43" customWidth="1"/>
    <col min="11259" max="11259" width="11.83203125" style="43" customWidth="1"/>
    <col min="11260" max="11260" width="4.33203125" style="43" customWidth="1"/>
    <col min="11261" max="11261" width="11.83203125" style="43" customWidth="1"/>
    <col min="11262" max="11262" width="4.33203125" style="43" customWidth="1"/>
    <col min="11263" max="11263" width="11.83203125" style="43" customWidth="1"/>
    <col min="11264" max="11264" width="4.33203125" style="43"/>
    <col min="11265" max="11265" width="11.83203125" style="43" customWidth="1"/>
    <col min="11266" max="11266" width="4.33203125" style="43" customWidth="1"/>
    <col min="11267" max="11267" width="11.83203125" style="43" customWidth="1"/>
    <col min="11268" max="11268" width="4.33203125" style="43" customWidth="1"/>
    <col min="11269" max="11269" width="11.83203125" style="43" customWidth="1"/>
    <col min="11270" max="11270" width="4.33203125" style="43" customWidth="1"/>
    <col min="11271" max="11271" width="11.83203125" style="43" customWidth="1"/>
    <col min="11272" max="11272" width="4.33203125" style="43" customWidth="1"/>
    <col min="11273" max="11273" width="11.83203125" style="43" customWidth="1"/>
    <col min="11274" max="11274" width="4.33203125" style="43" customWidth="1"/>
    <col min="11275" max="11275" width="11.83203125" style="43" customWidth="1"/>
    <col min="11276" max="11276" width="4.33203125" style="43" customWidth="1"/>
    <col min="11277" max="11277" width="11.83203125" style="43" customWidth="1"/>
    <col min="11278" max="11278" width="4.33203125" style="43" customWidth="1"/>
    <col min="11279" max="11279" width="11.83203125" style="43" customWidth="1"/>
    <col min="11280" max="11280" width="4.33203125" style="43" customWidth="1"/>
    <col min="11281" max="11281" width="11.83203125" style="43" customWidth="1"/>
    <col min="11282" max="11282" width="4.33203125" style="43" customWidth="1"/>
    <col min="11283" max="11283" width="11.83203125" style="43" customWidth="1"/>
    <col min="11284" max="11284" width="4.33203125" style="43" customWidth="1"/>
    <col min="11285" max="11285" width="11.83203125" style="43" customWidth="1"/>
    <col min="11286" max="11286" width="4.33203125" style="43" customWidth="1"/>
    <col min="11287" max="11287" width="11.83203125" style="43" customWidth="1"/>
    <col min="11288" max="11288" width="4.33203125" style="43" customWidth="1"/>
    <col min="11289" max="11289" width="11.83203125" style="43" customWidth="1"/>
    <col min="11290" max="11290" width="4.33203125" style="43" customWidth="1"/>
    <col min="11291" max="11291" width="11.83203125" style="43" customWidth="1"/>
    <col min="11292" max="11292" width="4.33203125" style="43" customWidth="1"/>
    <col min="11293" max="11293" width="11.83203125" style="43" customWidth="1"/>
    <col min="11294" max="11294" width="4.33203125" style="43" customWidth="1"/>
    <col min="11295" max="11295" width="11.83203125" style="43" customWidth="1"/>
    <col min="11296" max="11296" width="4.33203125" style="43" customWidth="1"/>
    <col min="11297" max="11297" width="11.83203125" style="43" customWidth="1"/>
    <col min="11298" max="11298" width="4.33203125" style="43" customWidth="1"/>
    <col min="11299" max="11299" width="11.83203125" style="43" customWidth="1"/>
    <col min="11300" max="11300" width="4.33203125" style="43" customWidth="1"/>
    <col min="11301" max="11301" width="11.83203125" style="43" customWidth="1"/>
    <col min="11302" max="11302" width="4.33203125" style="43" customWidth="1"/>
    <col min="11303" max="11303" width="11.83203125" style="43" customWidth="1"/>
    <col min="11304" max="11304" width="4.33203125" style="43" customWidth="1"/>
    <col min="11305" max="11305" width="11.83203125" style="43" customWidth="1"/>
    <col min="11306" max="11306" width="4.33203125" style="43" customWidth="1"/>
    <col min="11307" max="11307" width="11.83203125" style="43" customWidth="1"/>
    <col min="11308" max="11308" width="4.33203125" style="43" customWidth="1"/>
    <col min="11309" max="11309" width="11.83203125" style="43" customWidth="1"/>
    <col min="11310" max="11310" width="4.33203125" style="43" customWidth="1"/>
    <col min="11311" max="11311" width="11.83203125" style="43" customWidth="1"/>
    <col min="11312" max="11312" width="4.33203125" style="43" customWidth="1"/>
    <col min="11313" max="11313" width="11.83203125" style="43" customWidth="1"/>
    <col min="11314" max="11314" width="4.33203125" style="43" customWidth="1"/>
    <col min="11315" max="11315" width="11.83203125" style="43" customWidth="1"/>
    <col min="11316" max="11316" width="4.33203125" style="43" customWidth="1"/>
    <col min="11317" max="11317" width="11.83203125" style="43" customWidth="1"/>
    <col min="11318" max="11318" width="4.33203125" style="43" customWidth="1"/>
    <col min="11319" max="11319" width="11.83203125" style="43" customWidth="1"/>
    <col min="11320" max="11320" width="4.33203125" style="43" customWidth="1"/>
    <col min="11321" max="11321" width="11.83203125" style="43" customWidth="1"/>
    <col min="11322" max="11322" width="4.33203125" style="43" customWidth="1"/>
    <col min="11323" max="11323" width="11.83203125" style="43" customWidth="1"/>
    <col min="11324" max="11324" width="4.33203125" style="43" customWidth="1"/>
    <col min="11325" max="11325" width="11.83203125" style="43" customWidth="1"/>
    <col min="11326" max="11326" width="4.33203125" style="43" customWidth="1"/>
    <col min="11327" max="11327" width="11.83203125" style="43" customWidth="1"/>
    <col min="11328" max="11328" width="4.33203125" style="43" customWidth="1"/>
    <col min="11329" max="11329" width="11.83203125" style="43" customWidth="1"/>
    <col min="11330" max="11330" width="4.33203125" style="43" customWidth="1"/>
    <col min="11331" max="11331" width="11.83203125" style="43" customWidth="1"/>
    <col min="11332" max="11332" width="4.33203125" style="43" customWidth="1"/>
    <col min="11333" max="11333" width="11.83203125" style="43" customWidth="1"/>
    <col min="11334" max="11334" width="4.33203125" style="43" customWidth="1"/>
    <col min="11335" max="11335" width="11.83203125" style="43" customWidth="1"/>
    <col min="11336" max="11336" width="4.33203125" style="43" customWidth="1"/>
    <col min="11337" max="11337" width="11.83203125" style="43" customWidth="1"/>
    <col min="11338" max="11428" width="5.33203125" style="43" customWidth="1"/>
    <col min="11429" max="11434" width="1.33203125" style="43" customWidth="1"/>
    <col min="11435" max="11435" width="8.08203125" style="43" customWidth="1"/>
    <col min="11436" max="11436" width="4.33203125" style="43" customWidth="1"/>
    <col min="11437" max="11437" width="11.83203125" style="43" customWidth="1"/>
    <col min="11438" max="11438" width="4.33203125" style="43" customWidth="1"/>
    <col min="11439" max="11439" width="11.83203125" style="43" customWidth="1"/>
    <col min="11440" max="11440" width="4.33203125" style="43" customWidth="1"/>
    <col min="11441" max="11441" width="11.83203125" style="43" customWidth="1"/>
    <col min="11442" max="11442" width="4.33203125" style="43" customWidth="1"/>
    <col min="11443" max="11443" width="11.83203125" style="43" customWidth="1"/>
    <col min="11444" max="11444" width="4.33203125" style="43" customWidth="1"/>
    <col min="11445" max="11445" width="11.83203125" style="43" customWidth="1"/>
    <col min="11446" max="11446" width="4.33203125" style="43" customWidth="1"/>
    <col min="11447" max="11447" width="11.83203125" style="43" customWidth="1"/>
    <col min="11448" max="11448" width="4.33203125" style="43" customWidth="1"/>
    <col min="11449" max="11449" width="11.83203125" style="43" customWidth="1"/>
    <col min="11450" max="11450" width="4.33203125" style="43" customWidth="1"/>
    <col min="11451" max="11451" width="11.83203125" style="43" customWidth="1"/>
    <col min="11452" max="11452" width="4.33203125" style="43" customWidth="1"/>
    <col min="11453" max="11453" width="11.83203125" style="43" customWidth="1"/>
    <col min="11454" max="11454" width="4.33203125" style="43" customWidth="1"/>
    <col min="11455" max="11455" width="11.83203125" style="43" customWidth="1"/>
    <col min="11456" max="11456" width="4.33203125" style="43" customWidth="1"/>
    <col min="11457" max="11457" width="11.83203125" style="43" customWidth="1"/>
    <col min="11458" max="11458" width="4.33203125" style="43" customWidth="1"/>
    <col min="11459" max="11459" width="11.83203125" style="43" customWidth="1"/>
    <col min="11460" max="11460" width="4.33203125" style="43" customWidth="1"/>
    <col min="11461" max="11461" width="11.83203125" style="43" customWidth="1"/>
    <col min="11462" max="11462" width="4.33203125" style="43" customWidth="1"/>
    <col min="11463" max="11463" width="11.83203125" style="43" customWidth="1"/>
    <col min="11464" max="11464" width="4.33203125" style="43" customWidth="1"/>
    <col min="11465" max="11465" width="11.83203125" style="43" customWidth="1"/>
    <col min="11466" max="11466" width="4.33203125" style="43" customWidth="1"/>
    <col min="11467" max="11467" width="11.83203125" style="43" customWidth="1"/>
    <col min="11468" max="11468" width="4.33203125" style="43" customWidth="1"/>
    <col min="11469" max="11469" width="11.83203125" style="43" customWidth="1"/>
    <col min="11470" max="11470" width="4.33203125" style="43" customWidth="1"/>
    <col min="11471" max="11472" width="4.33203125" style="43"/>
    <col min="11473" max="11476" width="1.33203125" style="43" customWidth="1"/>
    <col min="11477" max="11477" width="8.08203125" style="43" customWidth="1"/>
    <col min="11478" max="11478" width="4.33203125" style="43" customWidth="1"/>
    <col min="11479" max="11479" width="11.83203125" style="43" customWidth="1"/>
    <col min="11480" max="11480" width="4.33203125" style="43" customWidth="1"/>
    <col min="11481" max="11481" width="11.83203125" style="43" customWidth="1"/>
    <col min="11482" max="11482" width="4.33203125" style="43" customWidth="1"/>
    <col min="11483" max="11483" width="11.83203125" style="43" customWidth="1"/>
    <col min="11484" max="11484" width="4.33203125" style="43" customWidth="1"/>
    <col min="11485" max="11485" width="11.83203125" style="43" customWidth="1"/>
    <col min="11486" max="11486" width="4.33203125" style="43" customWidth="1"/>
    <col min="11487" max="11487" width="11.83203125" style="43" customWidth="1"/>
    <col min="11488" max="11488" width="4.33203125" style="43" customWidth="1"/>
    <col min="11489" max="11489" width="11.83203125" style="43" customWidth="1"/>
    <col min="11490" max="11490" width="4.33203125" style="43" customWidth="1"/>
    <col min="11491" max="11491" width="11.83203125" style="43" customWidth="1"/>
    <col min="11492" max="11492" width="4.33203125" style="43" customWidth="1"/>
    <col min="11493" max="11493" width="11.83203125" style="43" customWidth="1"/>
    <col min="11494" max="11494" width="4.33203125" style="43" customWidth="1"/>
    <col min="11495" max="11495" width="11.83203125" style="43" customWidth="1"/>
    <col min="11496" max="11496" width="4.33203125" style="43" customWidth="1"/>
    <col min="11497" max="11497" width="11.83203125" style="43" customWidth="1"/>
    <col min="11498" max="11498" width="4.33203125" style="43" customWidth="1"/>
    <col min="11499" max="11499" width="11.83203125" style="43" customWidth="1"/>
    <col min="11500" max="11500" width="4.33203125" style="43" customWidth="1"/>
    <col min="11501" max="11501" width="11.83203125" style="43" customWidth="1"/>
    <col min="11502" max="11502" width="4.33203125" style="43" customWidth="1"/>
    <col min="11503" max="11503" width="11.83203125" style="43" customWidth="1"/>
    <col min="11504" max="11504" width="4.33203125" style="43" customWidth="1"/>
    <col min="11505" max="11505" width="11.83203125" style="43" customWidth="1"/>
    <col min="11506" max="11506" width="4.33203125" style="43" customWidth="1"/>
    <col min="11507" max="11507" width="11.83203125" style="43" customWidth="1"/>
    <col min="11508" max="11508" width="4.33203125" style="43" customWidth="1"/>
    <col min="11509" max="11509" width="11.83203125" style="43" customWidth="1"/>
    <col min="11510" max="11510" width="4.33203125" style="43" customWidth="1"/>
    <col min="11511" max="11511" width="11.83203125" style="43" customWidth="1"/>
    <col min="11512" max="11512" width="4.33203125" style="43" customWidth="1"/>
    <col min="11513" max="11513" width="11.83203125" style="43" customWidth="1"/>
    <col min="11514" max="11514" width="4.33203125" style="43" customWidth="1"/>
    <col min="11515" max="11515" width="11.83203125" style="43" customWidth="1"/>
    <col min="11516" max="11516" width="4.33203125" style="43" customWidth="1"/>
    <col min="11517" max="11517" width="11.83203125" style="43" customWidth="1"/>
    <col min="11518" max="11518" width="4.33203125" style="43" customWidth="1"/>
    <col min="11519" max="11519" width="11.83203125" style="43" customWidth="1"/>
    <col min="11520" max="11520" width="4.33203125" style="43"/>
    <col min="11521" max="11521" width="11.83203125" style="43" customWidth="1"/>
    <col min="11522" max="11522" width="4.33203125" style="43" customWidth="1"/>
    <col min="11523" max="11523" width="11.83203125" style="43" customWidth="1"/>
    <col min="11524" max="11524" width="4.33203125" style="43" customWidth="1"/>
    <col min="11525" max="11525" width="11.83203125" style="43" customWidth="1"/>
    <col min="11526" max="11526" width="4.33203125" style="43" customWidth="1"/>
    <col min="11527" max="11527" width="11.83203125" style="43" customWidth="1"/>
    <col min="11528" max="11528" width="4.33203125" style="43" customWidth="1"/>
    <col min="11529" max="11529" width="11.83203125" style="43" customWidth="1"/>
    <col min="11530" max="11530" width="4.33203125" style="43" customWidth="1"/>
    <col min="11531" max="11531" width="11.83203125" style="43" customWidth="1"/>
    <col min="11532" max="11532" width="4.33203125" style="43" customWidth="1"/>
    <col min="11533" max="11533" width="11.83203125" style="43" customWidth="1"/>
    <col min="11534" max="11534" width="4.33203125" style="43" customWidth="1"/>
    <col min="11535" max="11535" width="11.83203125" style="43" customWidth="1"/>
    <col min="11536" max="11536" width="4.33203125" style="43" customWidth="1"/>
    <col min="11537" max="11537" width="11.83203125" style="43" customWidth="1"/>
    <col min="11538" max="11538" width="4.33203125" style="43" customWidth="1"/>
    <col min="11539" max="11539" width="11.83203125" style="43" customWidth="1"/>
    <col min="11540" max="11540" width="4.33203125" style="43" customWidth="1"/>
    <col min="11541" max="11541" width="11.83203125" style="43" customWidth="1"/>
    <col min="11542" max="11542" width="4.33203125" style="43" customWidth="1"/>
    <col min="11543" max="11543" width="11.83203125" style="43" customWidth="1"/>
    <col min="11544" max="11544" width="4.33203125" style="43" customWidth="1"/>
    <col min="11545" max="11545" width="11.83203125" style="43" customWidth="1"/>
    <col min="11546" max="11546" width="4.33203125" style="43" customWidth="1"/>
    <col min="11547" max="11547" width="11.83203125" style="43" customWidth="1"/>
    <col min="11548" max="11548" width="4.33203125" style="43" customWidth="1"/>
    <col min="11549" max="11549" width="11.83203125" style="43" customWidth="1"/>
    <col min="11550" max="11550" width="4.33203125" style="43" customWidth="1"/>
    <col min="11551" max="11551" width="11.83203125" style="43" customWidth="1"/>
    <col min="11552" max="11552" width="4.33203125" style="43" customWidth="1"/>
    <col min="11553" max="11553" width="11.83203125" style="43" customWidth="1"/>
    <col min="11554" max="11554" width="4.33203125" style="43" customWidth="1"/>
    <col min="11555" max="11555" width="11.83203125" style="43" customWidth="1"/>
    <col min="11556" max="11556" width="4.33203125" style="43" customWidth="1"/>
    <col min="11557" max="11557" width="11.83203125" style="43" customWidth="1"/>
    <col min="11558" max="11558" width="4.33203125" style="43" customWidth="1"/>
    <col min="11559" max="11559" width="11.83203125" style="43" customWidth="1"/>
    <col min="11560" max="11560" width="4.33203125" style="43" customWidth="1"/>
    <col min="11561" max="11561" width="11.83203125" style="43" customWidth="1"/>
    <col min="11562" max="11562" width="4.33203125" style="43" customWidth="1"/>
    <col min="11563" max="11563" width="11.83203125" style="43" customWidth="1"/>
    <col min="11564" max="11564" width="4.33203125" style="43" customWidth="1"/>
    <col min="11565" max="11565" width="11.83203125" style="43" customWidth="1"/>
    <col min="11566" max="11566" width="4.33203125" style="43" customWidth="1"/>
    <col min="11567" max="11567" width="11.83203125" style="43" customWidth="1"/>
    <col min="11568" max="11568" width="4.33203125" style="43" customWidth="1"/>
    <col min="11569" max="11569" width="11.83203125" style="43" customWidth="1"/>
    <col min="11570" max="11570" width="4.33203125" style="43" customWidth="1"/>
    <col min="11571" max="11571" width="11.83203125" style="43" customWidth="1"/>
    <col min="11572" max="11572" width="4.33203125" style="43" customWidth="1"/>
    <col min="11573" max="11573" width="11.83203125" style="43" customWidth="1"/>
    <col min="11574" max="11574" width="4.33203125" style="43" customWidth="1"/>
    <col min="11575" max="11575" width="11.83203125" style="43" customWidth="1"/>
    <col min="11576" max="11576" width="4.33203125" style="43" customWidth="1"/>
    <col min="11577" max="11577" width="11.83203125" style="43" customWidth="1"/>
    <col min="11578" max="11578" width="4.33203125" style="43" customWidth="1"/>
    <col min="11579" max="11579" width="11.83203125" style="43" customWidth="1"/>
    <col min="11580" max="11580" width="4.33203125" style="43" customWidth="1"/>
    <col min="11581" max="11581" width="11.83203125" style="43" customWidth="1"/>
    <col min="11582" max="11582" width="4.33203125" style="43" customWidth="1"/>
    <col min="11583" max="11583" width="11.83203125" style="43" customWidth="1"/>
    <col min="11584" max="11584" width="4.33203125" style="43" customWidth="1"/>
    <col min="11585" max="11585" width="11.83203125" style="43" customWidth="1"/>
    <col min="11586" max="11586" width="4.33203125" style="43" customWidth="1"/>
    <col min="11587" max="11587" width="11.83203125" style="43" customWidth="1"/>
    <col min="11588" max="11588" width="4.33203125" style="43" customWidth="1"/>
    <col min="11589" max="11589" width="11.83203125" style="43" customWidth="1"/>
    <col min="11590" max="11590" width="4.33203125" style="43" customWidth="1"/>
    <col min="11591" max="11591" width="11.83203125" style="43" customWidth="1"/>
    <col min="11592" max="11592" width="4.33203125" style="43" customWidth="1"/>
    <col min="11593" max="11593" width="11.83203125" style="43" customWidth="1"/>
    <col min="11594" max="11684" width="5.33203125" style="43" customWidth="1"/>
    <col min="11685" max="11690" width="1.33203125" style="43" customWidth="1"/>
    <col min="11691" max="11691" width="8.08203125" style="43" customWidth="1"/>
    <col min="11692" max="11692" width="4.33203125" style="43" customWidth="1"/>
    <col min="11693" max="11693" width="11.83203125" style="43" customWidth="1"/>
    <col min="11694" max="11694" width="4.33203125" style="43" customWidth="1"/>
    <col min="11695" max="11695" width="11.83203125" style="43" customWidth="1"/>
    <col min="11696" max="11696" width="4.33203125" style="43" customWidth="1"/>
    <col min="11697" max="11697" width="11.83203125" style="43" customWidth="1"/>
    <col min="11698" max="11698" width="4.33203125" style="43" customWidth="1"/>
    <col min="11699" max="11699" width="11.83203125" style="43" customWidth="1"/>
    <col min="11700" max="11700" width="4.33203125" style="43" customWidth="1"/>
    <col min="11701" max="11701" width="11.83203125" style="43" customWidth="1"/>
    <col min="11702" max="11702" width="4.33203125" style="43" customWidth="1"/>
    <col min="11703" max="11703" width="11.83203125" style="43" customWidth="1"/>
    <col min="11704" max="11704" width="4.33203125" style="43" customWidth="1"/>
    <col min="11705" max="11705" width="11.83203125" style="43" customWidth="1"/>
    <col min="11706" max="11706" width="4.33203125" style="43" customWidth="1"/>
    <col min="11707" max="11707" width="11.83203125" style="43" customWidth="1"/>
    <col min="11708" max="11708" width="4.33203125" style="43" customWidth="1"/>
    <col min="11709" max="11709" width="11.83203125" style="43" customWidth="1"/>
    <col min="11710" max="11710" width="4.33203125" style="43" customWidth="1"/>
    <col min="11711" max="11711" width="11.83203125" style="43" customWidth="1"/>
    <col min="11712" max="11712" width="4.33203125" style="43" customWidth="1"/>
    <col min="11713" max="11713" width="11.83203125" style="43" customWidth="1"/>
    <col min="11714" max="11714" width="4.33203125" style="43" customWidth="1"/>
    <col min="11715" max="11715" width="11.83203125" style="43" customWidth="1"/>
    <col min="11716" max="11716" width="4.33203125" style="43" customWidth="1"/>
    <col min="11717" max="11717" width="11.83203125" style="43" customWidth="1"/>
    <col min="11718" max="11718" width="4.33203125" style="43" customWidth="1"/>
    <col min="11719" max="11719" width="11.83203125" style="43" customWidth="1"/>
    <col min="11720" max="11720" width="4.33203125" style="43" customWidth="1"/>
    <col min="11721" max="11721" width="11.83203125" style="43" customWidth="1"/>
    <col min="11722" max="11722" width="4.33203125" style="43" customWidth="1"/>
    <col min="11723" max="11723" width="11.83203125" style="43" customWidth="1"/>
    <col min="11724" max="11724" width="4.33203125" style="43" customWidth="1"/>
    <col min="11725" max="11725" width="11.83203125" style="43" customWidth="1"/>
    <col min="11726" max="11726" width="4.33203125" style="43" customWidth="1"/>
    <col min="11727" max="11728" width="4.33203125" style="43"/>
    <col min="11729" max="11732" width="1.33203125" style="43" customWidth="1"/>
    <col min="11733" max="11733" width="8.08203125" style="43" customWidth="1"/>
    <col min="11734" max="11734" width="4.33203125" style="43" customWidth="1"/>
    <col min="11735" max="11735" width="11.83203125" style="43" customWidth="1"/>
    <col min="11736" max="11736" width="4.33203125" style="43" customWidth="1"/>
    <col min="11737" max="11737" width="11.83203125" style="43" customWidth="1"/>
    <col min="11738" max="11738" width="4.33203125" style="43" customWidth="1"/>
    <col min="11739" max="11739" width="11.83203125" style="43" customWidth="1"/>
    <col min="11740" max="11740" width="4.33203125" style="43" customWidth="1"/>
    <col min="11741" max="11741" width="11.83203125" style="43" customWidth="1"/>
    <col min="11742" max="11742" width="4.33203125" style="43" customWidth="1"/>
    <col min="11743" max="11743" width="11.83203125" style="43" customWidth="1"/>
    <col min="11744" max="11744" width="4.33203125" style="43" customWidth="1"/>
    <col min="11745" max="11745" width="11.83203125" style="43" customWidth="1"/>
    <col min="11746" max="11746" width="4.33203125" style="43" customWidth="1"/>
    <col min="11747" max="11747" width="11.83203125" style="43" customWidth="1"/>
    <col min="11748" max="11748" width="4.33203125" style="43" customWidth="1"/>
    <col min="11749" max="11749" width="11.83203125" style="43" customWidth="1"/>
    <col min="11750" max="11750" width="4.33203125" style="43" customWidth="1"/>
    <col min="11751" max="11751" width="11.83203125" style="43" customWidth="1"/>
    <col min="11752" max="11752" width="4.33203125" style="43" customWidth="1"/>
    <col min="11753" max="11753" width="11.83203125" style="43" customWidth="1"/>
    <col min="11754" max="11754" width="4.33203125" style="43" customWidth="1"/>
    <col min="11755" max="11755" width="11.83203125" style="43" customWidth="1"/>
    <col min="11756" max="11756" width="4.33203125" style="43" customWidth="1"/>
    <col min="11757" max="11757" width="11.83203125" style="43" customWidth="1"/>
    <col min="11758" max="11758" width="4.33203125" style="43" customWidth="1"/>
    <col min="11759" max="11759" width="11.83203125" style="43" customWidth="1"/>
    <col min="11760" max="11760" width="4.33203125" style="43" customWidth="1"/>
    <col min="11761" max="11761" width="11.83203125" style="43" customWidth="1"/>
    <col min="11762" max="11762" width="4.33203125" style="43" customWidth="1"/>
    <col min="11763" max="11763" width="11.83203125" style="43" customWidth="1"/>
    <col min="11764" max="11764" width="4.33203125" style="43" customWidth="1"/>
    <col min="11765" max="11765" width="11.83203125" style="43" customWidth="1"/>
    <col min="11766" max="11766" width="4.33203125" style="43" customWidth="1"/>
    <col min="11767" max="11767" width="11.83203125" style="43" customWidth="1"/>
    <col min="11768" max="11768" width="4.33203125" style="43" customWidth="1"/>
    <col min="11769" max="11769" width="11.83203125" style="43" customWidth="1"/>
    <col min="11770" max="11770" width="4.33203125" style="43" customWidth="1"/>
    <col min="11771" max="11771" width="11.83203125" style="43" customWidth="1"/>
    <col min="11772" max="11772" width="4.33203125" style="43" customWidth="1"/>
    <col min="11773" max="11773" width="11.83203125" style="43" customWidth="1"/>
    <col min="11774" max="11774" width="4.33203125" style="43" customWidth="1"/>
    <col min="11775" max="11775" width="11.83203125" style="43" customWidth="1"/>
    <col min="11776" max="11776" width="4.33203125" style="43"/>
    <col min="11777" max="11777" width="11.83203125" style="43" customWidth="1"/>
    <col min="11778" max="11778" width="4.33203125" style="43" customWidth="1"/>
    <col min="11779" max="11779" width="11.83203125" style="43" customWidth="1"/>
    <col min="11780" max="11780" width="4.33203125" style="43" customWidth="1"/>
    <col min="11781" max="11781" width="11.83203125" style="43" customWidth="1"/>
    <col min="11782" max="11782" width="4.33203125" style="43" customWidth="1"/>
    <col min="11783" max="11783" width="11.83203125" style="43" customWidth="1"/>
    <col min="11784" max="11784" width="4.33203125" style="43" customWidth="1"/>
    <col min="11785" max="11785" width="11.83203125" style="43" customWidth="1"/>
    <col min="11786" max="11786" width="4.33203125" style="43" customWidth="1"/>
    <col min="11787" max="11787" width="11.83203125" style="43" customWidth="1"/>
    <col min="11788" max="11788" width="4.33203125" style="43" customWidth="1"/>
    <col min="11789" max="11789" width="11.83203125" style="43" customWidth="1"/>
    <col min="11790" max="11790" width="4.33203125" style="43" customWidth="1"/>
    <col min="11791" max="11791" width="11.83203125" style="43" customWidth="1"/>
    <col min="11792" max="11792" width="4.33203125" style="43" customWidth="1"/>
    <col min="11793" max="11793" width="11.83203125" style="43" customWidth="1"/>
    <col min="11794" max="11794" width="4.33203125" style="43" customWidth="1"/>
    <col min="11795" max="11795" width="11.83203125" style="43" customWidth="1"/>
    <col min="11796" max="11796" width="4.33203125" style="43" customWidth="1"/>
    <col min="11797" max="11797" width="11.83203125" style="43" customWidth="1"/>
    <col min="11798" max="11798" width="4.33203125" style="43" customWidth="1"/>
    <col min="11799" max="11799" width="11.83203125" style="43" customWidth="1"/>
    <col min="11800" max="11800" width="4.33203125" style="43" customWidth="1"/>
    <col min="11801" max="11801" width="11.83203125" style="43" customWidth="1"/>
    <col min="11802" max="11802" width="4.33203125" style="43" customWidth="1"/>
    <col min="11803" max="11803" width="11.83203125" style="43" customWidth="1"/>
    <col min="11804" max="11804" width="4.33203125" style="43" customWidth="1"/>
    <col min="11805" max="11805" width="11.83203125" style="43" customWidth="1"/>
    <col min="11806" max="11806" width="4.33203125" style="43" customWidth="1"/>
    <col min="11807" max="11807" width="11.83203125" style="43" customWidth="1"/>
    <col min="11808" max="11808" width="4.33203125" style="43" customWidth="1"/>
    <col min="11809" max="11809" width="11.83203125" style="43" customWidth="1"/>
    <col min="11810" max="11810" width="4.33203125" style="43" customWidth="1"/>
    <col min="11811" max="11811" width="11.83203125" style="43" customWidth="1"/>
    <col min="11812" max="11812" width="4.33203125" style="43" customWidth="1"/>
    <col min="11813" max="11813" width="11.83203125" style="43" customWidth="1"/>
    <col min="11814" max="11814" width="4.33203125" style="43" customWidth="1"/>
    <col min="11815" max="11815" width="11.83203125" style="43" customWidth="1"/>
    <col min="11816" max="11816" width="4.33203125" style="43" customWidth="1"/>
    <col min="11817" max="11817" width="11.83203125" style="43" customWidth="1"/>
    <col min="11818" max="11818" width="4.33203125" style="43" customWidth="1"/>
    <col min="11819" max="11819" width="11.83203125" style="43" customWidth="1"/>
    <col min="11820" max="11820" width="4.33203125" style="43" customWidth="1"/>
    <col min="11821" max="11821" width="11.83203125" style="43" customWidth="1"/>
    <col min="11822" max="11822" width="4.33203125" style="43" customWidth="1"/>
    <col min="11823" max="11823" width="11.83203125" style="43" customWidth="1"/>
    <col min="11824" max="11824" width="4.33203125" style="43" customWidth="1"/>
    <col min="11825" max="11825" width="11.83203125" style="43" customWidth="1"/>
    <col min="11826" max="11826" width="4.33203125" style="43" customWidth="1"/>
    <col min="11827" max="11827" width="11.83203125" style="43" customWidth="1"/>
    <col min="11828" max="11828" width="4.33203125" style="43" customWidth="1"/>
    <col min="11829" max="11829" width="11.83203125" style="43" customWidth="1"/>
    <col min="11830" max="11830" width="4.33203125" style="43" customWidth="1"/>
    <col min="11831" max="11831" width="11.83203125" style="43" customWidth="1"/>
    <col min="11832" max="11832" width="4.33203125" style="43" customWidth="1"/>
    <col min="11833" max="11833" width="11.83203125" style="43" customWidth="1"/>
    <col min="11834" max="11834" width="4.33203125" style="43" customWidth="1"/>
    <col min="11835" max="11835" width="11.83203125" style="43" customWidth="1"/>
    <col min="11836" max="11836" width="4.33203125" style="43" customWidth="1"/>
    <col min="11837" max="11837" width="11.83203125" style="43" customWidth="1"/>
    <col min="11838" max="11838" width="4.33203125" style="43" customWidth="1"/>
    <col min="11839" max="11839" width="11.83203125" style="43" customWidth="1"/>
    <col min="11840" max="11840" width="4.33203125" style="43" customWidth="1"/>
    <col min="11841" max="11841" width="11.83203125" style="43" customWidth="1"/>
    <col min="11842" max="11842" width="4.33203125" style="43" customWidth="1"/>
    <col min="11843" max="11843" width="11.83203125" style="43" customWidth="1"/>
    <col min="11844" max="11844" width="4.33203125" style="43" customWidth="1"/>
    <col min="11845" max="11845" width="11.83203125" style="43" customWidth="1"/>
    <col min="11846" max="11846" width="4.33203125" style="43" customWidth="1"/>
    <col min="11847" max="11847" width="11.83203125" style="43" customWidth="1"/>
    <col min="11848" max="11848" width="4.33203125" style="43" customWidth="1"/>
    <col min="11849" max="11849" width="11.83203125" style="43" customWidth="1"/>
    <col min="11850" max="11940" width="5.33203125" style="43" customWidth="1"/>
    <col min="11941" max="11946" width="1.33203125" style="43" customWidth="1"/>
    <col min="11947" max="11947" width="8.08203125" style="43" customWidth="1"/>
    <col min="11948" max="11948" width="4.33203125" style="43" customWidth="1"/>
    <col min="11949" max="11949" width="11.83203125" style="43" customWidth="1"/>
    <col min="11950" max="11950" width="4.33203125" style="43" customWidth="1"/>
    <col min="11951" max="11951" width="11.83203125" style="43" customWidth="1"/>
    <col min="11952" max="11952" width="4.33203125" style="43" customWidth="1"/>
    <col min="11953" max="11953" width="11.83203125" style="43" customWidth="1"/>
    <col min="11954" max="11954" width="4.33203125" style="43" customWidth="1"/>
    <col min="11955" max="11955" width="11.83203125" style="43" customWidth="1"/>
    <col min="11956" max="11956" width="4.33203125" style="43" customWidth="1"/>
    <col min="11957" max="11957" width="11.83203125" style="43" customWidth="1"/>
    <col min="11958" max="11958" width="4.33203125" style="43" customWidth="1"/>
    <col min="11959" max="11959" width="11.83203125" style="43" customWidth="1"/>
    <col min="11960" max="11960" width="4.33203125" style="43" customWidth="1"/>
    <col min="11961" max="11961" width="11.83203125" style="43" customWidth="1"/>
    <col min="11962" max="11962" width="4.33203125" style="43" customWidth="1"/>
    <col min="11963" max="11963" width="11.83203125" style="43" customWidth="1"/>
    <col min="11964" max="11964" width="4.33203125" style="43" customWidth="1"/>
    <col min="11965" max="11965" width="11.83203125" style="43" customWidth="1"/>
    <col min="11966" max="11966" width="4.33203125" style="43" customWidth="1"/>
    <col min="11967" max="11967" width="11.83203125" style="43" customWidth="1"/>
    <col min="11968" max="11968" width="4.33203125" style="43" customWidth="1"/>
    <col min="11969" max="11969" width="11.83203125" style="43" customWidth="1"/>
    <col min="11970" max="11970" width="4.33203125" style="43" customWidth="1"/>
    <col min="11971" max="11971" width="11.83203125" style="43" customWidth="1"/>
    <col min="11972" max="11972" width="4.33203125" style="43" customWidth="1"/>
    <col min="11973" max="11973" width="11.83203125" style="43" customWidth="1"/>
    <col min="11974" max="11974" width="4.33203125" style="43" customWidth="1"/>
    <col min="11975" max="11975" width="11.83203125" style="43" customWidth="1"/>
    <col min="11976" max="11976" width="4.33203125" style="43" customWidth="1"/>
    <col min="11977" max="11977" width="11.83203125" style="43" customWidth="1"/>
    <col min="11978" max="11978" width="4.33203125" style="43" customWidth="1"/>
    <col min="11979" max="11979" width="11.83203125" style="43" customWidth="1"/>
    <col min="11980" max="11980" width="4.33203125" style="43" customWidth="1"/>
    <col min="11981" max="11981" width="11.83203125" style="43" customWidth="1"/>
    <col min="11982" max="11982" width="4.33203125" style="43" customWidth="1"/>
    <col min="11983" max="11984" width="4.33203125" style="43"/>
    <col min="11985" max="11988" width="1.33203125" style="43" customWidth="1"/>
    <col min="11989" max="11989" width="8.08203125" style="43" customWidth="1"/>
    <col min="11990" max="11990" width="4.33203125" style="43" customWidth="1"/>
    <col min="11991" max="11991" width="11.83203125" style="43" customWidth="1"/>
    <col min="11992" max="11992" width="4.33203125" style="43" customWidth="1"/>
    <col min="11993" max="11993" width="11.83203125" style="43" customWidth="1"/>
    <col min="11994" max="11994" width="4.33203125" style="43" customWidth="1"/>
    <col min="11995" max="11995" width="11.83203125" style="43" customWidth="1"/>
    <col min="11996" max="11996" width="4.33203125" style="43" customWidth="1"/>
    <col min="11997" max="11997" width="11.83203125" style="43" customWidth="1"/>
    <col min="11998" max="11998" width="4.33203125" style="43" customWidth="1"/>
    <col min="11999" max="11999" width="11.83203125" style="43" customWidth="1"/>
    <col min="12000" max="12000" width="4.33203125" style="43" customWidth="1"/>
    <col min="12001" max="12001" width="11.83203125" style="43" customWidth="1"/>
    <col min="12002" max="12002" width="4.33203125" style="43" customWidth="1"/>
    <col min="12003" max="12003" width="11.83203125" style="43" customWidth="1"/>
    <col min="12004" max="12004" width="4.33203125" style="43" customWidth="1"/>
    <col min="12005" max="12005" width="11.83203125" style="43" customWidth="1"/>
    <col min="12006" max="12006" width="4.33203125" style="43" customWidth="1"/>
    <col min="12007" max="12007" width="11.83203125" style="43" customWidth="1"/>
    <col min="12008" max="12008" width="4.33203125" style="43" customWidth="1"/>
    <col min="12009" max="12009" width="11.83203125" style="43" customWidth="1"/>
    <col min="12010" max="12010" width="4.33203125" style="43" customWidth="1"/>
    <col min="12011" max="12011" width="11.83203125" style="43" customWidth="1"/>
    <col min="12012" max="12012" width="4.33203125" style="43" customWidth="1"/>
    <col min="12013" max="12013" width="11.83203125" style="43" customWidth="1"/>
    <col min="12014" max="12014" width="4.33203125" style="43" customWidth="1"/>
    <col min="12015" max="12015" width="11.83203125" style="43" customWidth="1"/>
    <col min="12016" max="12016" width="4.33203125" style="43" customWidth="1"/>
    <col min="12017" max="12017" width="11.83203125" style="43" customWidth="1"/>
    <col min="12018" max="12018" width="4.33203125" style="43" customWidth="1"/>
    <col min="12019" max="12019" width="11.83203125" style="43" customWidth="1"/>
    <col min="12020" max="12020" width="4.33203125" style="43" customWidth="1"/>
    <col min="12021" max="12021" width="11.83203125" style="43" customWidth="1"/>
    <col min="12022" max="12022" width="4.33203125" style="43" customWidth="1"/>
    <col min="12023" max="12023" width="11.83203125" style="43" customWidth="1"/>
    <col min="12024" max="12024" width="4.33203125" style="43" customWidth="1"/>
    <col min="12025" max="12025" width="11.83203125" style="43" customWidth="1"/>
    <col min="12026" max="12026" width="4.33203125" style="43" customWidth="1"/>
    <col min="12027" max="12027" width="11.83203125" style="43" customWidth="1"/>
    <col min="12028" max="12028" width="4.33203125" style="43" customWidth="1"/>
    <col min="12029" max="12029" width="11.83203125" style="43" customWidth="1"/>
    <col min="12030" max="12030" width="4.33203125" style="43" customWidth="1"/>
    <col min="12031" max="12031" width="11.83203125" style="43" customWidth="1"/>
    <col min="12032" max="12032" width="4.33203125" style="43"/>
    <col min="12033" max="12033" width="11.83203125" style="43" customWidth="1"/>
    <col min="12034" max="12034" width="4.33203125" style="43" customWidth="1"/>
    <col min="12035" max="12035" width="11.83203125" style="43" customWidth="1"/>
    <col min="12036" max="12036" width="4.33203125" style="43" customWidth="1"/>
    <col min="12037" max="12037" width="11.83203125" style="43" customWidth="1"/>
    <col min="12038" max="12038" width="4.33203125" style="43" customWidth="1"/>
    <col min="12039" max="12039" width="11.83203125" style="43" customWidth="1"/>
    <col min="12040" max="12040" width="4.33203125" style="43" customWidth="1"/>
    <col min="12041" max="12041" width="11.83203125" style="43" customWidth="1"/>
    <col min="12042" max="12042" width="4.33203125" style="43" customWidth="1"/>
    <col min="12043" max="12043" width="11.83203125" style="43" customWidth="1"/>
    <col min="12044" max="12044" width="4.33203125" style="43" customWidth="1"/>
    <col min="12045" max="12045" width="11.83203125" style="43" customWidth="1"/>
    <col min="12046" max="12046" width="4.33203125" style="43" customWidth="1"/>
    <col min="12047" max="12047" width="11.83203125" style="43" customWidth="1"/>
    <col min="12048" max="12048" width="4.33203125" style="43" customWidth="1"/>
    <col min="12049" max="12049" width="11.83203125" style="43" customWidth="1"/>
    <col min="12050" max="12050" width="4.33203125" style="43" customWidth="1"/>
    <col min="12051" max="12051" width="11.83203125" style="43" customWidth="1"/>
    <col min="12052" max="12052" width="4.33203125" style="43" customWidth="1"/>
    <col min="12053" max="12053" width="11.83203125" style="43" customWidth="1"/>
    <col min="12054" max="12054" width="4.33203125" style="43" customWidth="1"/>
    <col min="12055" max="12055" width="11.83203125" style="43" customWidth="1"/>
    <col min="12056" max="12056" width="4.33203125" style="43" customWidth="1"/>
    <col min="12057" max="12057" width="11.83203125" style="43" customWidth="1"/>
    <col min="12058" max="12058" width="4.33203125" style="43" customWidth="1"/>
    <col min="12059" max="12059" width="11.83203125" style="43" customWidth="1"/>
    <col min="12060" max="12060" width="4.33203125" style="43" customWidth="1"/>
    <col min="12061" max="12061" width="11.83203125" style="43" customWidth="1"/>
    <col min="12062" max="12062" width="4.33203125" style="43" customWidth="1"/>
    <col min="12063" max="12063" width="11.83203125" style="43" customWidth="1"/>
    <col min="12064" max="12064" width="4.33203125" style="43" customWidth="1"/>
    <col min="12065" max="12065" width="11.83203125" style="43" customWidth="1"/>
    <col min="12066" max="12066" width="4.33203125" style="43" customWidth="1"/>
    <col min="12067" max="12067" width="11.83203125" style="43" customWidth="1"/>
    <col min="12068" max="12068" width="4.33203125" style="43" customWidth="1"/>
    <col min="12069" max="12069" width="11.83203125" style="43" customWidth="1"/>
    <col min="12070" max="12070" width="4.33203125" style="43" customWidth="1"/>
    <col min="12071" max="12071" width="11.83203125" style="43" customWidth="1"/>
    <col min="12072" max="12072" width="4.33203125" style="43" customWidth="1"/>
    <col min="12073" max="12073" width="11.83203125" style="43" customWidth="1"/>
    <col min="12074" max="12074" width="4.33203125" style="43" customWidth="1"/>
    <col min="12075" max="12075" width="11.83203125" style="43" customWidth="1"/>
    <col min="12076" max="12076" width="4.33203125" style="43" customWidth="1"/>
    <col min="12077" max="12077" width="11.83203125" style="43" customWidth="1"/>
    <col min="12078" max="12078" width="4.33203125" style="43" customWidth="1"/>
    <col min="12079" max="12079" width="11.83203125" style="43" customWidth="1"/>
    <col min="12080" max="12080" width="4.33203125" style="43" customWidth="1"/>
    <col min="12081" max="12081" width="11.83203125" style="43" customWidth="1"/>
    <col min="12082" max="12082" width="4.33203125" style="43" customWidth="1"/>
    <col min="12083" max="12083" width="11.83203125" style="43" customWidth="1"/>
    <col min="12084" max="12084" width="4.33203125" style="43" customWidth="1"/>
    <col min="12085" max="12085" width="11.83203125" style="43" customWidth="1"/>
    <col min="12086" max="12086" width="4.33203125" style="43" customWidth="1"/>
    <col min="12087" max="12087" width="11.83203125" style="43" customWidth="1"/>
    <col min="12088" max="12088" width="4.33203125" style="43" customWidth="1"/>
    <col min="12089" max="12089" width="11.83203125" style="43" customWidth="1"/>
    <col min="12090" max="12090" width="4.33203125" style="43" customWidth="1"/>
    <col min="12091" max="12091" width="11.83203125" style="43" customWidth="1"/>
    <col min="12092" max="12092" width="4.33203125" style="43" customWidth="1"/>
    <col min="12093" max="12093" width="11.83203125" style="43" customWidth="1"/>
    <col min="12094" max="12094" width="4.33203125" style="43" customWidth="1"/>
    <col min="12095" max="12095" width="11.83203125" style="43" customWidth="1"/>
    <col min="12096" max="12096" width="4.33203125" style="43" customWidth="1"/>
    <col min="12097" max="12097" width="11.83203125" style="43" customWidth="1"/>
    <col min="12098" max="12098" width="4.33203125" style="43" customWidth="1"/>
    <col min="12099" max="12099" width="11.83203125" style="43" customWidth="1"/>
    <col min="12100" max="12100" width="4.33203125" style="43" customWidth="1"/>
    <col min="12101" max="12101" width="11.83203125" style="43" customWidth="1"/>
    <col min="12102" max="12102" width="4.33203125" style="43" customWidth="1"/>
    <col min="12103" max="12103" width="11.83203125" style="43" customWidth="1"/>
    <col min="12104" max="12104" width="4.33203125" style="43" customWidth="1"/>
    <col min="12105" max="12105" width="11.83203125" style="43" customWidth="1"/>
    <col min="12106" max="12196" width="5.33203125" style="43" customWidth="1"/>
    <col min="12197" max="12202" width="1.33203125" style="43" customWidth="1"/>
    <col min="12203" max="12203" width="8.08203125" style="43" customWidth="1"/>
    <col min="12204" max="12204" width="4.33203125" style="43" customWidth="1"/>
    <col min="12205" max="12205" width="11.83203125" style="43" customWidth="1"/>
    <col min="12206" max="12206" width="4.33203125" style="43" customWidth="1"/>
    <col min="12207" max="12207" width="11.83203125" style="43" customWidth="1"/>
    <col min="12208" max="12208" width="4.33203125" style="43" customWidth="1"/>
    <col min="12209" max="12209" width="11.83203125" style="43" customWidth="1"/>
    <col min="12210" max="12210" width="4.33203125" style="43" customWidth="1"/>
    <col min="12211" max="12211" width="11.83203125" style="43" customWidth="1"/>
    <col min="12212" max="12212" width="4.33203125" style="43" customWidth="1"/>
    <col min="12213" max="12213" width="11.83203125" style="43" customWidth="1"/>
    <col min="12214" max="12214" width="4.33203125" style="43" customWidth="1"/>
    <col min="12215" max="12215" width="11.83203125" style="43" customWidth="1"/>
    <col min="12216" max="12216" width="4.33203125" style="43" customWidth="1"/>
    <col min="12217" max="12217" width="11.83203125" style="43" customWidth="1"/>
    <col min="12218" max="12218" width="4.33203125" style="43" customWidth="1"/>
    <col min="12219" max="12219" width="11.83203125" style="43" customWidth="1"/>
    <col min="12220" max="12220" width="4.33203125" style="43" customWidth="1"/>
    <col min="12221" max="12221" width="11.83203125" style="43" customWidth="1"/>
    <col min="12222" max="12222" width="4.33203125" style="43" customWidth="1"/>
    <col min="12223" max="12223" width="11.83203125" style="43" customWidth="1"/>
    <col min="12224" max="12224" width="4.33203125" style="43" customWidth="1"/>
    <col min="12225" max="12225" width="11.83203125" style="43" customWidth="1"/>
    <col min="12226" max="12226" width="4.33203125" style="43" customWidth="1"/>
    <col min="12227" max="12227" width="11.83203125" style="43" customWidth="1"/>
    <col min="12228" max="12228" width="4.33203125" style="43" customWidth="1"/>
    <col min="12229" max="12229" width="11.83203125" style="43" customWidth="1"/>
    <col min="12230" max="12230" width="4.33203125" style="43" customWidth="1"/>
    <col min="12231" max="12231" width="11.83203125" style="43" customWidth="1"/>
    <col min="12232" max="12232" width="4.33203125" style="43" customWidth="1"/>
    <col min="12233" max="12233" width="11.83203125" style="43" customWidth="1"/>
    <col min="12234" max="12234" width="4.33203125" style="43" customWidth="1"/>
    <col min="12235" max="12235" width="11.83203125" style="43" customWidth="1"/>
    <col min="12236" max="12236" width="4.33203125" style="43" customWidth="1"/>
    <col min="12237" max="12237" width="11.83203125" style="43" customWidth="1"/>
    <col min="12238" max="12238" width="4.33203125" style="43" customWidth="1"/>
    <col min="12239" max="12240" width="4.33203125" style="43"/>
    <col min="12241" max="12244" width="1.33203125" style="43" customWidth="1"/>
    <col min="12245" max="12245" width="8.08203125" style="43" customWidth="1"/>
    <col min="12246" max="12246" width="4.33203125" style="43" customWidth="1"/>
    <col min="12247" max="12247" width="11.83203125" style="43" customWidth="1"/>
    <col min="12248" max="12248" width="4.33203125" style="43" customWidth="1"/>
    <col min="12249" max="12249" width="11.83203125" style="43" customWidth="1"/>
    <col min="12250" max="12250" width="4.33203125" style="43" customWidth="1"/>
    <col min="12251" max="12251" width="11.83203125" style="43" customWidth="1"/>
    <col min="12252" max="12252" width="4.33203125" style="43" customWidth="1"/>
    <col min="12253" max="12253" width="11.83203125" style="43" customWidth="1"/>
    <col min="12254" max="12254" width="4.33203125" style="43" customWidth="1"/>
    <col min="12255" max="12255" width="11.83203125" style="43" customWidth="1"/>
    <col min="12256" max="12256" width="4.33203125" style="43" customWidth="1"/>
    <col min="12257" max="12257" width="11.83203125" style="43" customWidth="1"/>
    <col min="12258" max="12258" width="4.33203125" style="43" customWidth="1"/>
    <col min="12259" max="12259" width="11.83203125" style="43" customWidth="1"/>
    <col min="12260" max="12260" width="4.33203125" style="43" customWidth="1"/>
    <col min="12261" max="12261" width="11.83203125" style="43" customWidth="1"/>
    <col min="12262" max="12262" width="4.33203125" style="43" customWidth="1"/>
    <col min="12263" max="12263" width="11.83203125" style="43" customWidth="1"/>
    <col min="12264" max="12264" width="4.33203125" style="43" customWidth="1"/>
    <col min="12265" max="12265" width="11.83203125" style="43" customWidth="1"/>
    <col min="12266" max="12266" width="4.33203125" style="43" customWidth="1"/>
    <col min="12267" max="12267" width="11.83203125" style="43" customWidth="1"/>
    <col min="12268" max="12268" width="4.33203125" style="43" customWidth="1"/>
    <col min="12269" max="12269" width="11.83203125" style="43" customWidth="1"/>
    <col min="12270" max="12270" width="4.33203125" style="43" customWidth="1"/>
    <col min="12271" max="12271" width="11.83203125" style="43" customWidth="1"/>
    <col min="12272" max="12272" width="4.33203125" style="43" customWidth="1"/>
    <col min="12273" max="12273" width="11.83203125" style="43" customWidth="1"/>
    <col min="12274" max="12274" width="4.33203125" style="43" customWidth="1"/>
    <col min="12275" max="12275" width="11.83203125" style="43" customWidth="1"/>
    <col min="12276" max="12276" width="4.33203125" style="43" customWidth="1"/>
    <col min="12277" max="12277" width="11.83203125" style="43" customWidth="1"/>
    <col min="12278" max="12278" width="4.33203125" style="43" customWidth="1"/>
    <col min="12279" max="12279" width="11.83203125" style="43" customWidth="1"/>
    <col min="12280" max="12280" width="4.33203125" style="43" customWidth="1"/>
    <col min="12281" max="12281" width="11.83203125" style="43" customWidth="1"/>
    <col min="12282" max="12282" width="4.33203125" style="43" customWidth="1"/>
    <col min="12283" max="12283" width="11.83203125" style="43" customWidth="1"/>
    <col min="12284" max="12284" width="4.33203125" style="43" customWidth="1"/>
    <col min="12285" max="12285" width="11.83203125" style="43" customWidth="1"/>
    <col min="12286" max="12286" width="4.33203125" style="43" customWidth="1"/>
    <col min="12287" max="12287" width="11.83203125" style="43" customWidth="1"/>
    <col min="12288" max="12288" width="4.33203125" style="43"/>
    <col min="12289" max="12289" width="11.83203125" style="43" customWidth="1"/>
    <col min="12290" max="12290" width="4.33203125" style="43" customWidth="1"/>
    <col min="12291" max="12291" width="11.83203125" style="43" customWidth="1"/>
    <col min="12292" max="12292" width="4.33203125" style="43" customWidth="1"/>
    <col min="12293" max="12293" width="11.83203125" style="43" customWidth="1"/>
    <col min="12294" max="12294" width="4.33203125" style="43" customWidth="1"/>
    <col min="12295" max="12295" width="11.83203125" style="43" customWidth="1"/>
    <col min="12296" max="12296" width="4.33203125" style="43" customWidth="1"/>
    <col min="12297" max="12297" width="11.83203125" style="43" customWidth="1"/>
    <col min="12298" max="12298" width="4.33203125" style="43" customWidth="1"/>
    <col min="12299" max="12299" width="11.83203125" style="43" customWidth="1"/>
    <col min="12300" max="12300" width="4.33203125" style="43" customWidth="1"/>
    <col min="12301" max="12301" width="11.83203125" style="43" customWidth="1"/>
    <col min="12302" max="12302" width="4.33203125" style="43" customWidth="1"/>
    <col min="12303" max="12303" width="11.83203125" style="43" customWidth="1"/>
    <col min="12304" max="12304" width="4.33203125" style="43" customWidth="1"/>
    <col min="12305" max="12305" width="11.83203125" style="43" customWidth="1"/>
    <col min="12306" max="12306" width="4.33203125" style="43" customWidth="1"/>
    <col min="12307" max="12307" width="11.83203125" style="43" customWidth="1"/>
    <col min="12308" max="12308" width="4.33203125" style="43" customWidth="1"/>
    <col min="12309" max="12309" width="11.83203125" style="43" customWidth="1"/>
    <col min="12310" max="12310" width="4.33203125" style="43" customWidth="1"/>
    <col min="12311" max="12311" width="11.83203125" style="43" customWidth="1"/>
    <col min="12312" max="12312" width="4.33203125" style="43" customWidth="1"/>
    <col min="12313" max="12313" width="11.83203125" style="43" customWidth="1"/>
    <col min="12314" max="12314" width="4.33203125" style="43" customWidth="1"/>
    <col min="12315" max="12315" width="11.83203125" style="43" customWidth="1"/>
    <col min="12316" max="12316" width="4.33203125" style="43" customWidth="1"/>
    <col min="12317" max="12317" width="11.83203125" style="43" customWidth="1"/>
    <col min="12318" max="12318" width="4.33203125" style="43" customWidth="1"/>
    <col min="12319" max="12319" width="11.83203125" style="43" customWidth="1"/>
    <col min="12320" max="12320" width="4.33203125" style="43" customWidth="1"/>
    <col min="12321" max="12321" width="11.83203125" style="43" customWidth="1"/>
    <col min="12322" max="12322" width="4.33203125" style="43" customWidth="1"/>
    <col min="12323" max="12323" width="11.83203125" style="43" customWidth="1"/>
    <col min="12324" max="12324" width="4.33203125" style="43" customWidth="1"/>
    <col min="12325" max="12325" width="11.83203125" style="43" customWidth="1"/>
    <col min="12326" max="12326" width="4.33203125" style="43" customWidth="1"/>
    <col min="12327" max="12327" width="11.83203125" style="43" customWidth="1"/>
    <col min="12328" max="12328" width="4.33203125" style="43" customWidth="1"/>
    <col min="12329" max="12329" width="11.83203125" style="43" customWidth="1"/>
    <col min="12330" max="12330" width="4.33203125" style="43" customWidth="1"/>
    <col min="12331" max="12331" width="11.83203125" style="43" customWidth="1"/>
    <col min="12332" max="12332" width="4.33203125" style="43" customWidth="1"/>
    <col min="12333" max="12333" width="11.83203125" style="43" customWidth="1"/>
    <col min="12334" max="12334" width="4.33203125" style="43" customWidth="1"/>
    <col min="12335" max="12335" width="11.83203125" style="43" customWidth="1"/>
    <col min="12336" max="12336" width="4.33203125" style="43" customWidth="1"/>
    <col min="12337" max="12337" width="11.83203125" style="43" customWidth="1"/>
    <col min="12338" max="12338" width="4.33203125" style="43" customWidth="1"/>
    <col min="12339" max="12339" width="11.83203125" style="43" customWidth="1"/>
    <col min="12340" max="12340" width="4.33203125" style="43" customWidth="1"/>
    <col min="12341" max="12341" width="11.83203125" style="43" customWidth="1"/>
    <col min="12342" max="12342" width="4.33203125" style="43" customWidth="1"/>
    <col min="12343" max="12343" width="11.83203125" style="43" customWidth="1"/>
    <col min="12344" max="12344" width="4.33203125" style="43" customWidth="1"/>
    <col min="12345" max="12345" width="11.83203125" style="43" customWidth="1"/>
    <col min="12346" max="12346" width="4.33203125" style="43" customWidth="1"/>
    <col min="12347" max="12347" width="11.83203125" style="43" customWidth="1"/>
    <col min="12348" max="12348" width="4.33203125" style="43" customWidth="1"/>
    <col min="12349" max="12349" width="11.83203125" style="43" customWidth="1"/>
    <col min="12350" max="12350" width="4.33203125" style="43" customWidth="1"/>
    <col min="12351" max="12351" width="11.83203125" style="43" customWidth="1"/>
    <col min="12352" max="12352" width="4.33203125" style="43" customWidth="1"/>
    <col min="12353" max="12353" width="11.83203125" style="43" customWidth="1"/>
    <col min="12354" max="12354" width="4.33203125" style="43" customWidth="1"/>
    <col min="12355" max="12355" width="11.83203125" style="43" customWidth="1"/>
    <col min="12356" max="12356" width="4.33203125" style="43" customWidth="1"/>
    <col min="12357" max="12357" width="11.83203125" style="43" customWidth="1"/>
    <col min="12358" max="12358" width="4.33203125" style="43" customWidth="1"/>
    <col min="12359" max="12359" width="11.83203125" style="43" customWidth="1"/>
    <col min="12360" max="12360" width="4.33203125" style="43" customWidth="1"/>
    <col min="12361" max="12361" width="11.83203125" style="43" customWidth="1"/>
    <col min="12362" max="12452" width="5.33203125" style="43" customWidth="1"/>
    <col min="12453" max="12458" width="1.33203125" style="43" customWidth="1"/>
    <col min="12459" max="12459" width="8.08203125" style="43" customWidth="1"/>
    <col min="12460" max="12460" width="4.33203125" style="43" customWidth="1"/>
    <col min="12461" max="12461" width="11.83203125" style="43" customWidth="1"/>
    <col min="12462" max="12462" width="4.33203125" style="43" customWidth="1"/>
    <col min="12463" max="12463" width="11.83203125" style="43" customWidth="1"/>
    <col min="12464" max="12464" width="4.33203125" style="43" customWidth="1"/>
    <col min="12465" max="12465" width="11.83203125" style="43" customWidth="1"/>
    <col min="12466" max="12466" width="4.33203125" style="43" customWidth="1"/>
    <col min="12467" max="12467" width="11.83203125" style="43" customWidth="1"/>
    <col min="12468" max="12468" width="4.33203125" style="43" customWidth="1"/>
    <col min="12469" max="12469" width="11.83203125" style="43" customWidth="1"/>
    <col min="12470" max="12470" width="4.33203125" style="43" customWidth="1"/>
    <col min="12471" max="12471" width="11.83203125" style="43" customWidth="1"/>
    <col min="12472" max="12472" width="4.33203125" style="43" customWidth="1"/>
    <col min="12473" max="12473" width="11.83203125" style="43" customWidth="1"/>
    <col min="12474" max="12474" width="4.33203125" style="43" customWidth="1"/>
    <col min="12475" max="12475" width="11.83203125" style="43" customWidth="1"/>
    <col min="12476" max="12476" width="4.33203125" style="43" customWidth="1"/>
    <col min="12477" max="12477" width="11.83203125" style="43" customWidth="1"/>
    <col min="12478" max="12478" width="4.33203125" style="43" customWidth="1"/>
    <col min="12479" max="12479" width="11.83203125" style="43" customWidth="1"/>
    <col min="12480" max="12480" width="4.33203125" style="43" customWidth="1"/>
    <col min="12481" max="12481" width="11.83203125" style="43" customWidth="1"/>
    <col min="12482" max="12482" width="4.33203125" style="43" customWidth="1"/>
    <col min="12483" max="12483" width="11.83203125" style="43" customWidth="1"/>
    <col min="12484" max="12484" width="4.33203125" style="43" customWidth="1"/>
    <col min="12485" max="12485" width="11.83203125" style="43" customWidth="1"/>
    <col min="12486" max="12486" width="4.33203125" style="43" customWidth="1"/>
    <col min="12487" max="12487" width="11.83203125" style="43" customWidth="1"/>
    <col min="12488" max="12488" width="4.33203125" style="43" customWidth="1"/>
    <col min="12489" max="12489" width="11.83203125" style="43" customWidth="1"/>
    <col min="12490" max="12490" width="4.33203125" style="43" customWidth="1"/>
    <col min="12491" max="12491" width="11.83203125" style="43" customWidth="1"/>
    <col min="12492" max="12492" width="4.33203125" style="43" customWidth="1"/>
    <col min="12493" max="12493" width="11.83203125" style="43" customWidth="1"/>
    <col min="12494" max="12494" width="4.33203125" style="43" customWidth="1"/>
    <col min="12495" max="12496" width="4.33203125" style="43"/>
    <col min="12497" max="12500" width="1.33203125" style="43" customWidth="1"/>
    <col min="12501" max="12501" width="8.08203125" style="43" customWidth="1"/>
    <col min="12502" max="12502" width="4.33203125" style="43" customWidth="1"/>
    <col min="12503" max="12503" width="11.83203125" style="43" customWidth="1"/>
    <col min="12504" max="12504" width="4.33203125" style="43" customWidth="1"/>
    <col min="12505" max="12505" width="11.83203125" style="43" customWidth="1"/>
    <col min="12506" max="12506" width="4.33203125" style="43" customWidth="1"/>
    <col min="12507" max="12507" width="11.83203125" style="43" customWidth="1"/>
    <col min="12508" max="12508" width="4.33203125" style="43" customWidth="1"/>
    <col min="12509" max="12509" width="11.83203125" style="43" customWidth="1"/>
    <col min="12510" max="12510" width="4.33203125" style="43" customWidth="1"/>
    <col min="12511" max="12511" width="11.83203125" style="43" customWidth="1"/>
    <col min="12512" max="12512" width="4.33203125" style="43" customWidth="1"/>
    <col min="12513" max="12513" width="11.83203125" style="43" customWidth="1"/>
    <col min="12514" max="12514" width="4.33203125" style="43" customWidth="1"/>
    <col min="12515" max="12515" width="11.83203125" style="43" customWidth="1"/>
    <col min="12516" max="12516" width="4.33203125" style="43" customWidth="1"/>
    <col min="12517" max="12517" width="11.83203125" style="43" customWidth="1"/>
    <col min="12518" max="12518" width="4.33203125" style="43" customWidth="1"/>
    <col min="12519" max="12519" width="11.83203125" style="43" customWidth="1"/>
    <col min="12520" max="12520" width="4.33203125" style="43" customWidth="1"/>
    <col min="12521" max="12521" width="11.83203125" style="43" customWidth="1"/>
    <col min="12522" max="12522" width="4.33203125" style="43" customWidth="1"/>
    <col min="12523" max="12523" width="11.83203125" style="43" customWidth="1"/>
    <col min="12524" max="12524" width="4.33203125" style="43" customWidth="1"/>
    <col min="12525" max="12525" width="11.83203125" style="43" customWidth="1"/>
    <col min="12526" max="12526" width="4.33203125" style="43" customWidth="1"/>
    <col min="12527" max="12527" width="11.83203125" style="43" customWidth="1"/>
    <col min="12528" max="12528" width="4.33203125" style="43" customWidth="1"/>
    <col min="12529" max="12529" width="11.83203125" style="43" customWidth="1"/>
    <col min="12530" max="12530" width="4.33203125" style="43" customWidth="1"/>
    <col min="12531" max="12531" width="11.83203125" style="43" customWidth="1"/>
    <col min="12532" max="12532" width="4.33203125" style="43" customWidth="1"/>
    <col min="12533" max="12533" width="11.83203125" style="43" customWidth="1"/>
    <col min="12534" max="12534" width="4.33203125" style="43" customWidth="1"/>
    <col min="12535" max="12535" width="11.83203125" style="43" customWidth="1"/>
    <col min="12536" max="12536" width="4.33203125" style="43" customWidth="1"/>
    <col min="12537" max="12537" width="11.83203125" style="43" customWidth="1"/>
    <col min="12538" max="12538" width="4.33203125" style="43" customWidth="1"/>
    <col min="12539" max="12539" width="11.83203125" style="43" customWidth="1"/>
    <col min="12540" max="12540" width="4.33203125" style="43" customWidth="1"/>
    <col min="12541" max="12541" width="11.83203125" style="43" customWidth="1"/>
    <col min="12542" max="12542" width="4.33203125" style="43" customWidth="1"/>
    <col min="12543" max="12543" width="11.83203125" style="43" customWidth="1"/>
    <col min="12544" max="12544" width="4.33203125" style="43"/>
    <col min="12545" max="12545" width="11.83203125" style="43" customWidth="1"/>
    <col min="12546" max="12546" width="4.33203125" style="43" customWidth="1"/>
    <col min="12547" max="12547" width="11.83203125" style="43" customWidth="1"/>
    <col min="12548" max="12548" width="4.33203125" style="43" customWidth="1"/>
    <col min="12549" max="12549" width="11.83203125" style="43" customWidth="1"/>
    <col min="12550" max="12550" width="4.33203125" style="43" customWidth="1"/>
    <col min="12551" max="12551" width="11.83203125" style="43" customWidth="1"/>
    <col min="12552" max="12552" width="4.33203125" style="43" customWidth="1"/>
    <col min="12553" max="12553" width="11.83203125" style="43" customWidth="1"/>
    <col min="12554" max="12554" width="4.33203125" style="43" customWidth="1"/>
    <col min="12555" max="12555" width="11.83203125" style="43" customWidth="1"/>
    <col min="12556" max="12556" width="4.33203125" style="43" customWidth="1"/>
    <col min="12557" max="12557" width="11.83203125" style="43" customWidth="1"/>
    <col min="12558" max="12558" width="4.33203125" style="43" customWidth="1"/>
    <col min="12559" max="12559" width="11.83203125" style="43" customWidth="1"/>
    <col min="12560" max="12560" width="4.33203125" style="43" customWidth="1"/>
    <col min="12561" max="12561" width="11.83203125" style="43" customWidth="1"/>
    <col min="12562" max="12562" width="4.33203125" style="43" customWidth="1"/>
    <col min="12563" max="12563" width="11.83203125" style="43" customWidth="1"/>
    <col min="12564" max="12564" width="4.33203125" style="43" customWidth="1"/>
    <col min="12565" max="12565" width="11.83203125" style="43" customWidth="1"/>
    <col min="12566" max="12566" width="4.33203125" style="43" customWidth="1"/>
    <col min="12567" max="12567" width="11.83203125" style="43" customWidth="1"/>
    <col min="12568" max="12568" width="4.33203125" style="43" customWidth="1"/>
    <col min="12569" max="12569" width="11.83203125" style="43" customWidth="1"/>
    <col min="12570" max="12570" width="4.33203125" style="43" customWidth="1"/>
    <col min="12571" max="12571" width="11.83203125" style="43" customWidth="1"/>
    <col min="12572" max="12572" width="4.33203125" style="43" customWidth="1"/>
    <col min="12573" max="12573" width="11.83203125" style="43" customWidth="1"/>
    <col min="12574" max="12574" width="4.33203125" style="43" customWidth="1"/>
    <col min="12575" max="12575" width="11.83203125" style="43" customWidth="1"/>
    <col min="12576" max="12576" width="4.33203125" style="43" customWidth="1"/>
    <col min="12577" max="12577" width="11.83203125" style="43" customWidth="1"/>
    <col min="12578" max="12578" width="4.33203125" style="43" customWidth="1"/>
    <col min="12579" max="12579" width="11.83203125" style="43" customWidth="1"/>
    <col min="12580" max="12580" width="4.33203125" style="43" customWidth="1"/>
    <col min="12581" max="12581" width="11.83203125" style="43" customWidth="1"/>
    <col min="12582" max="12582" width="4.33203125" style="43" customWidth="1"/>
    <col min="12583" max="12583" width="11.83203125" style="43" customWidth="1"/>
    <col min="12584" max="12584" width="4.33203125" style="43" customWidth="1"/>
    <col min="12585" max="12585" width="11.83203125" style="43" customWidth="1"/>
    <col min="12586" max="12586" width="4.33203125" style="43" customWidth="1"/>
    <col min="12587" max="12587" width="11.83203125" style="43" customWidth="1"/>
    <col min="12588" max="12588" width="4.33203125" style="43" customWidth="1"/>
    <col min="12589" max="12589" width="11.83203125" style="43" customWidth="1"/>
    <col min="12590" max="12590" width="4.33203125" style="43" customWidth="1"/>
    <col min="12591" max="12591" width="11.83203125" style="43" customWidth="1"/>
    <col min="12592" max="12592" width="4.33203125" style="43" customWidth="1"/>
    <col min="12593" max="12593" width="11.83203125" style="43" customWidth="1"/>
    <col min="12594" max="12594" width="4.33203125" style="43" customWidth="1"/>
    <col min="12595" max="12595" width="11.83203125" style="43" customWidth="1"/>
    <col min="12596" max="12596" width="4.33203125" style="43" customWidth="1"/>
    <col min="12597" max="12597" width="11.83203125" style="43" customWidth="1"/>
    <col min="12598" max="12598" width="4.33203125" style="43" customWidth="1"/>
    <col min="12599" max="12599" width="11.83203125" style="43" customWidth="1"/>
    <col min="12600" max="12600" width="4.33203125" style="43" customWidth="1"/>
    <col min="12601" max="12601" width="11.83203125" style="43" customWidth="1"/>
    <col min="12602" max="12602" width="4.33203125" style="43" customWidth="1"/>
    <col min="12603" max="12603" width="11.83203125" style="43" customWidth="1"/>
    <col min="12604" max="12604" width="4.33203125" style="43" customWidth="1"/>
    <col min="12605" max="12605" width="11.83203125" style="43" customWidth="1"/>
    <col min="12606" max="12606" width="4.33203125" style="43" customWidth="1"/>
    <col min="12607" max="12607" width="11.83203125" style="43" customWidth="1"/>
    <col min="12608" max="12608" width="4.33203125" style="43" customWidth="1"/>
    <col min="12609" max="12609" width="11.83203125" style="43" customWidth="1"/>
    <col min="12610" max="12610" width="4.33203125" style="43" customWidth="1"/>
    <col min="12611" max="12611" width="11.83203125" style="43" customWidth="1"/>
    <col min="12612" max="12612" width="4.33203125" style="43" customWidth="1"/>
    <col min="12613" max="12613" width="11.83203125" style="43" customWidth="1"/>
    <col min="12614" max="12614" width="4.33203125" style="43" customWidth="1"/>
    <col min="12615" max="12615" width="11.83203125" style="43" customWidth="1"/>
    <col min="12616" max="12616" width="4.33203125" style="43" customWidth="1"/>
    <col min="12617" max="12617" width="11.83203125" style="43" customWidth="1"/>
    <col min="12618" max="12708" width="5.33203125" style="43" customWidth="1"/>
    <col min="12709" max="12714" width="1.33203125" style="43" customWidth="1"/>
    <col min="12715" max="12715" width="8.08203125" style="43" customWidth="1"/>
    <col min="12716" max="12716" width="4.33203125" style="43" customWidth="1"/>
    <col min="12717" max="12717" width="11.83203125" style="43" customWidth="1"/>
    <col min="12718" max="12718" width="4.33203125" style="43" customWidth="1"/>
    <col min="12719" max="12719" width="11.83203125" style="43" customWidth="1"/>
    <col min="12720" max="12720" width="4.33203125" style="43" customWidth="1"/>
    <col min="12721" max="12721" width="11.83203125" style="43" customWidth="1"/>
    <col min="12722" max="12722" width="4.33203125" style="43" customWidth="1"/>
    <col min="12723" max="12723" width="11.83203125" style="43" customWidth="1"/>
    <col min="12724" max="12724" width="4.33203125" style="43" customWidth="1"/>
    <col min="12725" max="12725" width="11.83203125" style="43" customWidth="1"/>
    <col min="12726" max="12726" width="4.33203125" style="43" customWidth="1"/>
    <col min="12727" max="12727" width="11.83203125" style="43" customWidth="1"/>
    <col min="12728" max="12728" width="4.33203125" style="43" customWidth="1"/>
    <col min="12729" max="12729" width="11.83203125" style="43" customWidth="1"/>
    <col min="12730" max="12730" width="4.33203125" style="43" customWidth="1"/>
    <col min="12731" max="12731" width="11.83203125" style="43" customWidth="1"/>
    <col min="12732" max="12732" width="4.33203125" style="43" customWidth="1"/>
    <col min="12733" max="12733" width="11.83203125" style="43" customWidth="1"/>
    <col min="12734" max="12734" width="4.33203125" style="43" customWidth="1"/>
    <col min="12735" max="12735" width="11.83203125" style="43" customWidth="1"/>
    <col min="12736" max="12736" width="4.33203125" style="43" customWidth="1"/>
    <col min="12737" max="12737" width="11.83203125" style="43" customWidth="1"/>
    <col min="12738" max="12738" width="4.33203125" style="43" customWidth="1"/>
    <col min="12739" max="12739" width="11.83203125" style="43" customWidth="1"/>
    <col min="12740" max="12740" width="4.33203125" style="43" customWidth="1"/>
    <col min="12741" max="12741" width="11.83203125" style="43" customWidth="1"/>
    <col min="12742" max="12742" width="4.33203125" style="43" customWidth="1"/>
    <col min="12743" max="12743" width="11.83203125" style="43" customWidth="1"/>
    <col min="12744" max="12744" width="4.33203125" style="43" customWidth="1"/>
    <col min="12745" max="12745" width="11.83203125" style="43" customWidth="1"/>
    <col min="12746" max="12746" width="4.33203125" style="43" customWidth="1"/>
    <col min="12747" max="12747" width="11.83203125" style="43" customWidth="1"/>
    <col min="12748" max="12748" width="4.33203125" style="43" customWidth="1"/>
    <col min="12749" max="12749" width="11.83203125" style="43" customWidth="1"/>
    <col min="12750" max="12750" width="4.33203125" style="43" customWidth="1"/>
    <col min="12751" max="12752" width="4.33203125" style="43"/>
    <col min="12753" max="12756" width="1.33203125" style="43" customWidth="1"/>
    <col min="12757" max="12757" width="8.08203125" style="43" customWidth="1"/>
    <col min="12758" max="12758" width="4.33203125" style="43" customWidth="1"/>
    <col min="12759" max="12759" width="11.83203125" style="43" customWidth="1"/>
    <col min="12760" max="12760" width="4.33203125" style="43" customWidth="1"/>
    <col min="12761" max="12761" width="11.83203125" style="43" customWidth="1"/>
    <col min="12762" max="12762" width="4.33203125" style="43" customWidth="1"/>
    <col min="12763" max="12763" width="11.83203125" style="43" customWidth="1"/>
    <col min="12764" max="12764" width="4.33203125" style="43" customWidth="1"/>
    <col min="12765" max="12765" width="11.83203125" style="43" customWidth="1"/>
    <col min="12766" max="12766" width="4.33203125" style="43" customWidth="1"/>
    <col min="12767" max="12767" width="11.83203125" style="43" customWidth="1"/>
    <col min="12768" max="12768" width="4.33203125" style="43" customWidth="1"/>
    <col min="12769" max="12769" width="11.83203125" style="43" customWidth="1"/>
    <col min="12770" max="12770" width="4.33203125" style="43" customWidth="1"/>
    <col min="12771" max="12771" width="11.83203125" style="43" customWidth="1"/>
    <col min="12772" max="12772" width="4.33203125" style="43" customWidth="1"/>
    <col min="12773" max="12773" width="11.83203125" style="43" customWidth="1"/>
    <col min="12774" max="12774" width="4.33203125" style="43" customWidth="1"/>
    <col min="12775" max="12775" width="11.83203125" style="43" customWidth="1"/>
    <col min="12776" max="12776" width="4.33203125" style="43" customWidth="1"/>
    <col min="12777" max="12777" width="11.83203125" style="43" customWidth="1"/>
    <col min="12778" max="12778" width="4.33203125" style="43" customWidth="1"/>
    <col min="12779" max="12779" width="11.83203125" style="43" customWidth="1"/>
    <col min="12780" max="12780" width="4.33203125" style="43" customWidth="1"/>
    <col min="12781" max="12781" width="11.83203125" style="43" customWidth="1"/>
    <col min="12782" max="12782" width="4.33203125" style="43" customWidth="1"/>
    <col min="12783" max="12783" width="11.83203125" style="43" customWidth="1"/>
    <col min="12784" max="12784" width="4.33203125" style="43" customWidth="1"/>
    <col min="12785" max="12785" width="11.83203125" style="43" customWidth="1"/>
    <col min="12786" max="12786" width="4.33203125" style="43" customWidth="1"/>
    <col min="12787" max="12787" width="11.83203125" style="43" customWidth="1"/>
    <col min="12788" max="12788" width="4.33203125" style="43" customWidth="1"/>
    <col min="12789" max="12789" width="11.83203125" style="43" customWidth="1"/>
    <col min="12790" max="12790" width="4.33203125" style="43" customWidth="1"/>
    <col min="12791" max="12791" width="11.83203125" style="43" customWidth="1"/>
    <col min="12792" max="12792" width="4.33203125" style="43" customWidth="1"/>
    <col min="12793" max="12793" width="11.83203125" style="43" customWidth="1"/>
    <col min="12794" max="12794" width="4.33203125" style="43" customWidth="1"/>
    <col min="12795" max="12795" width="11.83203125" style="43" customWidth="1"/>
    <col min="12796" max="12796" width="4.33203125" style="43" customWidth="1"/>
    <col min="12797" max="12797" width="11.83203125" style="43" customWidth="1"/>
    <col min="12798" max="12798" width="4.33203125" style="43" customWidth="1"/>
    <col min="12799" max="12799" width="11.83203125" style="43" customWidth="1"/>
    <col min="12800" max="12800" width="4.33203125" style="43"/>
    <col min="12801" max="12801" width="11.83203125" style="43" customWidth="1"/>
    <col min="12802" max="12802" width="4.33203125" style="43" customWidth="1"/>
    <col min="12803" max="12803" width="11.83203125" style="43" customWidth="1"/>
    <col min="12804" max="12804" width="4.33203125" style="43" customWidth="1"/>
    <col min="12805" max="12805" width="11.83203125" style="43" customWidth="1"/>
    <col min="12806" max="12806" width="4.33203125" style="43" customWidth="1"/>
    <col min="12807" max="12807" width="11.83203125" style="43" customWidth="1"/>
    <col min="12808" max="12808" width="4.33203125" style="43" customWidth="1"/>
    <col min="12809" max="12809" width="11.83203125" style="43" customWidth="1"/>
    <col min="12810" max="12810" width="4.33203125" style="43" customWidth="1"/>
    <col min="12811" max="12811" width="11.83203125" style="43" customWidth="1"/>
    <col min="12812" max="12812" width="4.33203125" style="43" customWidth="1"/>
    <col min="12813" max="12813" width="11.83203125" style="43" customWidth="1"/>
    <col min="12814" max="12814" width="4.33203125" style="43" customWidth="1"/>
    <col min="12815" max="12815" width="11.83203125" style="43" customWidth="1"/>
    <col min="12816" max="12816" width="4.33203125" style="43" customWidth="1"/>
    <col min="12817" max="12817" width="11.83203125" style="43" customWidth="1"/>
    <col min="12818" max="12818" width="4.33203125" style="43" customWidth="1"/>
    <col min="12819" max="12819" width="11.83203125" style="43" customWidth="1"/>
    <col min="12820" max="12820" width="4.33203125" style="43" customWidth="1"/>
    <col min="12821" max="12821" width="11.83203125" style="43" customWidth="1"/>
    <col min="12822" max="12822" width="4.33203125" style="43" customWidth="1"/>
    <col min="12823" max="12823" width="11.83203125" style="43" customWidth="1"/>
    <col min="12824" max="12824" width="4.33203125" style="43" customWidth="1"/>
    <col min="12825" max="12825" width="11.83203125" style="43" customWidth="1"/>
    <col min="12826" max="12826" width="4.33203125" style="43" customWidth="1"/>
    <col min="12827" max="12827" width="11.83203125" style="43" customWidth="1"/>
    <col min="12828" max="12828" width="4.33203125" style="43" customWidth="1"/>
    <col min="12829" max="12829" width="11.83203125" style="43" customWidth="1"/>
    <col min="12830" max="12830" width="4.33203125" style="43" customWidth="1"/>
    <col min="12831" max="12831" width="11.83203125" style="43" customWidth="1"/>
    <col min="12832" max="12832" width="4.33203125" style="43" customWidth="1"/>
    <col min="12833" max="12833" width="11.83203125" style="43" customWidth="1"/>
    <col min="12834" max="12834" width="4.33203125" style="43" customWidth="1"/>
    <col min="12835" max="12835" width="11.83203125" style="43" customWidth="1"/>
    <col min="12836" max="12836" width="4.33203125" style="43" customWidth="1"/>
    <col min="12837" max="12837" width="11.83203125" style="43" customWidth="1"/>
    <col min="12838" max="12838" width="4.33203125" style="43" customWidth="1"/>
    <col min="12839" max="12839" width="11.83203125" style="43" customWidth="1"/>
    <col min="12840" max="12840" width="4.33203125" style="43" customWidth="1"/>
    <col min="12841" max="12841" width="11.83203125" style="43" customWidth="1"/>
    <col min="12842" max="12842" width="4.33203125" style="43" customWidth="1"/>
    <col min="12843" max="12843" width="11.83203125" style="43" customWidth="1"/>
    <col min="12844" max="12844" width="4.33203125" style="43" customWidth="1"/>
    <col min="12845" max="12845" width="11.83203125" style="43" customWidth="1"/>
    <col min="12846" max="12846" width="4.33203125" style="43" customWidth="1"/>
    <col min="12847" max="12847" width="11.83203125" style="43" customWidth="1"/>
    <col min="12848" max="12848" width="4.33203125" style="43" customWidth="1"/>
    <col min="12849" max="12849" width="11.83203125" style="43" customWidth="1"/>
    <col min="12850" max="12850" width="4.33203125" style="43" customWidth="1"/>
    <col min="12851" max="12851" width="11.83203125" style="43" customWidth="1"/>
    <col min="12852" max="12852" width="4.33203125" style="43" customWidth="1"/>
    <col min="12853" max="12853" width="11.83203125" style="43" customWidth="1"/>
    <col min="12854" max="12854" width="4.33203125" style="43" customWidth="1"/>
    <col min="12855" max="12855" width="11.83203125" style="43" customWidth="1"/>
    <col min="12856" max="12856" width="4.33203125" style="43" customWidth="1"/>
    <col min="12857" max="12857" width="11.83203125" style="43" customWidth="1"/>
    <col min="12858" max="12858" width="4.33203125" style="43" customWidth="1"/>
    <col min="12859" max="12859" width="11.83203125" style="43" customWidth="1"/>
    <col min="12860" max="12860" width="4.33203125" style="43" customWidth="1"/>
    <col min="12861" max="12861" width="11.83203125" style="43" customWidth="1"/>
    <col min="12862" max="12862" width="4.33203125" style="43" customWidth="1"/>
    <col min="12863" max="12863" width="11.83203125" style="43" customWidth="1"/>
    <col min="12864" max="12864" width="4.33203125" style="43" customWidth="1"/>
    <col min="12865" max="12865" width="11.83203125" style="43" customWidth="1"/>
    <col min="12866" max="12866" width="4.33203125" style="43" customWidth="1"/>
    <col min="12867" max="12867" width="11.83203125" style="43" customWidth="1"/>
    <col min="12868" max="12868" width="4.33203125" style="43" customWidth="1"/>
    <col min="12869" max="12869" width="11.83203125" style="43" customWidth="1"/>
    <col min="12870" max="12870" width="4.33203125" style="43" customWidth="1"/>
    <col min="12871" max="12871" width="11.83203125" style="43" customWidth="1"/>
    <col min="12872" max="12872" width="4.33203125" style="43" customWidth="1"/>
    <col min="12873" max="12873" width="11.83203125" style="43" customWidth="1"/>
    <col min="12874" max="12964" width="5.33203125" style="43" customWidth="1"/>
    <col min="12965" max="12970" width="1.33203125" style="43" customWidth="1"/>
    <col min="12971" max="12971" width="8.08203125" style="43" customWidth="1"/>
    <col min="12972" max="12972" width="4.33203125" style="43" customWidth="1"/>
    <col min="12973" max="12973" width="11.83203125" style="43" customWidth="1"/>
    <col min="12974" max="12974" width="4.33203125" style="43" customWidth="1"/>
    <col min="12975" max="12975" width="11.83203125" style="43" customWidth="1"/>
    <col min="12976" max="12976" width="4.33203125" style="43" customWidth="1"/>
    <col min="12977" max="12977" width="11.83203125" style="43" customWidth="1"/>
    <col min="12978" max="12978" width="4.33203125" style="43" customWidth="1"/>
    <col min="12979" max="12979" width="11.83203125" style="43" customWidth="1"/>
    <col min="12980" max="12980" width="4.33203125" style="43" customWidth="1"/>
    <col min="12981" max="12981" width="11.83203125" style="43" customWidth="1"/>
    <col min="12982" max="12982" width="4.33203125" style="43" customWidth="1"/>
    <col min="12983" max="12983" width="11.83203125" style="43" customWidth="1"/>
    <col min="12984" max="12984" width="4.33203125" style="43" customWidth="1"/>
    <col min="12985" max="12985" width="11.83203125" style="43" customWidth="1"/>
    <col min="12986" max="12986" width="4.33203125" style="43" customWidth="1"/>
    <col min="12987" max="12987" width="11.83203125" style="43" customWidth="1"/>
    <col min="12988" max="12988" width="4.33203125" style="43" customWidth="1"/>
    <col min="12989" max="12989" width="11.83203125" style="43" customWidth="1"/>
    <col min="12990" max="12990" width="4.33203125" style="43" customWidth="1"/>
    <col min="12991" max="12991" width="11.83203125" style="43" customWidth="1"/>
    <col min="12992" max="12992" width="4.33203125" style="43" customWidth="1"/>
    <col min="12993" max="12993" width="11.83203125" style="43" customWidth="1"/>
    <col min="12994" max="12994" width="4.33203125" style="43" customWidth="1"/>
    <col min="12995" max="12995" width="11.83203125" style="43" customWidth="1"/>
    <col min="12996" max="12996" width="4.33203125" style="43" customWidth="1"/>
    <col min="12997" max="12997" width="11.83203125" style="43" customWidth="1"/>
    <col min="12998" max="12998" width="4.33203125" style="43" customWidth="1"/>
    <col min="12999" max="12999" width="11.83203125" style="43" customWidth="1"/>
    <col min="13000" max="13000" width="4.33203125" style="43" customWidth="1"/>
    <col min="13001" max="13001" width="11.83203125" style="43" customWidth="1"/>
    <col min="13002" max="13002" width="4.33203125" style="43" customWidth="1"/>
    <col min="13003" max="13003" width="11.83203125" style="43" customWidth="1"/>
    <col min="13004" max="13004" width="4.33203125" style="43" customWidth="1"/>
    <col min="13005" max="13005" width="11.83203125" style="43" customWidth="1"/>
    <col min="13006" max="13006" width="4.33203125" style="43" customWidth="1"/>
    <col min="13007" max="13008" width="4.33203125" style="43"/>
    <col min="13009" max="13012" width="1.33203125" style="43" customWidth="1"/>
    <col min="13013" max="13013" width="8.08203125" style="43" customWidth="1"/>
    <col min="13014" max="13014" width="4.33203125" style="43" customWidth="1"/>
    <col min="13015" max="13015" width="11.83203125" style="43" customWidth="1"/>
    <col min="13016" max="13016" width="4.33203125" style="43" customWidth="1"/>
    <col min="13017" max="13017" width="11.83203125" style="43" customWidth="1"/>
    <col min="13018" max="13018" width="4.33203125" style="43" customWidth="1"/>
    <col min="13019" max="13019" width="11.83203125" style="43" customWidth="1"/>
    <col min="13020" max="13020" width="4.33203125" style="43" customWidth="1"/>
    <col min="13021" max="13021" width="11.83203125" style="43" customWidth="1"/>
    <col min="13022" max="13022" width="4.33203125" style="43" customWidth="1"/>
    <col min="13023" max="13023" width="11.83203125" style="43" customWidth="1"/>
    <col min="13024" max="13024" width="4.33203125" style="43" customWidth="1"/>
    <col min="13025" max="13025" width="11.83203125" style="43" customWidth="1"/>
    <col min="13026" max="13026" width="4.33203125" style="43" customWidth="1"/>
    <col min="13027" max="13027" width="11.83203125" style="43" customWidth="1"/>
    <col min="13028" max="13028" width="4.33203125" style="43" customWidth="1"/>
    <col min="13029" max="13029" width="11.83203125" style="43" customWidth="1"/>
    <col min="13030" max="13030" width="4.33203125" style="43" customWidth="1"/>
    <col min="13031" max="13031" width="11.83203125" style="43" customWidth="1"/>
    <col min="13032" max="13032" width="4.33203125" style="43" customWidth="1"/>
    <col min="13033" max="13033" width="11.83203125" style="43" customWidth="1"/>
    <col min="13034" max="13034" width="4.33203125" style="43" customWidth="1"/>
    <col min="13035" max="13035" width="11.83203125" style="43" customWidth="1"/>
    <col min="13036" max="13036" width="4.33203125" style="43" customWidth="1"/>
    <col min="13037" max="13037" width="11.83203125" style="43" customWidth="1"/>
    <col min="13038" max="13038" width="4.33203125" style="43" customWidth="1"/>
    <col min="13039" max="13039" width="11.83203125" style="43" customWidth="1"/>
    <col min="13040" max="13040" width="4.33203125" style="43" customWidth="1"/>
    <col min="13041" max="13041" width="11.83203125" style="43" customWidth="1"/>
    <col min="13042" max="13042" width="4.33203125" style="43" customWidth="1"/>
    <col min="13043" max="13043" width="11.83203125" style="43" customWidth="1"/>
    <col min="13044" max="13044" width="4.33203125" style="43" customWidth="1"/>
    <col min="13045" max="13045" width="11.83203125" style="43" customWidth="1"/>
    <col min="13046" max="13046" width="4.33203125" style="43" customWidth="1"/>
    <col min="13047" max="13047" width="11.83203125" style="43" customWidth="1"/>
    <col min="13048" max="13048" width="4.33203125" style="43" customWidth="1"/>
    <col min="13049" max="13049" width="11.83203125" style="43" customWidth="1"/>
    <col min="13050" max="13050" width="4.33203125" style="43" customWidth="1"/>
    <col min="13051" max="13051" width="11.83203125" style="43" customWidth="1"/>
    <col min="13052" max="13052" width="4.33203125" style="43" customWidth="1"/>
    <col min="13053" max="13053" width="11.83203125" style="43" customWidth="1"/>
    <col min="13054" max="13054" width="4.33203125" style="43" customWidth="1"/>
    <col min="13055" max="13055" width="11.83203125" style="43" customWidth="1"/>
    <col min="13056" max="13056" width="4.33203125" style="43"/>
    <col min="13057" max="13057" width="11.83203125" style="43" customWidth="1"/>
    <col min="13058" max="13058" width="4.33203125" style="43" customWidth="1"/>
    <col min="13059" max="13059" width="11.83203125" style="43" customWidth="1"/>
    <col min="13060" max="13060" width="4.33203125" style="43" customWidth="1"/>
    <col min="13061" max="13061" width="11.83203125" style="43" customWidth="1"/>
    <col min="13062" max="13062" width="4.33203125" style="43" customWidth="1"/>
    <col min="13063" max="13063" width="11.83203125" style="43" customWidth="1"/>
    <col min="13064" max="13064" width="4.33203125" style="43" customWidth="1"/>
    <col min="13065" max="13065" width="11.83203125" style="43" customWidth="1"/>
    <col min="13066" max="13066" width="4.33203125" style="43" customWidth="1"/>
    <col min="13067" max="13067" width="11.83203125" style="43" customWidth="1"/>
    <col min="13068" max="13068" width="4.33203125" style="43" customWidth="1"/>
    <col min="13069" max="13069" width="11.83203125" style="43" customWidth="1"/>
    <col min="13070" max="13070" width="4.33203125" style="43" customWidth="1"/>
    <col min="13071" max="13071" width="11.83203125" style="43" customWidth="1"/>
    <col min="13072" max="13072" width="4.33203125" style="43" customWidth="1"/>
    <col min="13073" max="13073" width="11.83203125" style="43" customWidth="1"/>
    <col min="13074" max="13074" width="4.33203125" style="43" customWidth="1"/>
    <col min="13075" max="13075" width="11.83203125" style="43" customWidth="1"/>
    <col min="13076" max="13076" width="4.33203125" style="43" customWidth="1"/>
    <col min="13077" max="13077" width="11.83203125" style="43" customWidth="1"/>
    <col min="13078" max="13078" width="4.33203125" style="43" customWidth="1"/>
    <col min="13079" max="13079" width="11.83203125" style="43" customWidth="1"/>
    <col min="13080" max="13080" width="4.33203125" style="43" customWidth="1"/>
    <col min="13081" max="13081" width="11.83203125" style="43" customWidth="1"/>
    <col min="13082" max="13082" width="4.33203125" style="43" customWidth="1"/>
    <col min="13083" max="13083" width="11.83203125" style="43" customWidth="1"/>
    <col min="13084" max="13084" width="4.33203125" style="43" customWidth="1"/>
    <col min="13085" max="13085" width="11.83203125" style="43" customWidth="1"/>
    <col min="13086" max="13086" width="4.33203125" style="43" customWidth="1"/>
    <col min="13087" max="13087" width="11.83203125" style="43" customWidth="1"/>
    <col min="13088" max="13088" width="4.33203125" style="43" customWidth="1"/>
    <col min="13089" max="13089" width="11.83203125" style="43" customWidth="1"/>
    <col min="13090" max="13090" width="4.33203125" style="43" customWidth="1"/>
    <col min="13091" max="13091" width="11.83203125" style="43" customWidth="1"/>
    <col min="13092" max="13092" width="4.33203125" style="43" customWidth="1"/>
    <col min="13093" max="13093" width="11.83203125" style="43" customWidth="1"/>
    <col min="13094" max="13094" width="4.33203125" style="43" customWidth="1"/>
    <col min="13095" max="13095" width="11.83203125" style="43" customWidth="1"/>
    <col min="13096" max="13096" width="4.33203125" style="43" customWidth="1"/>
    <col min="13097" max="13097" width="11.83203125" style="43" customWidth="1"/>
    <col min="13098" max="13098" width="4.33203125" style="43" customWidth="1"/>
    <col min="13099" max="13099" width="11.83203125" style="43" customWidth="1"/>
    <col min="13100" max="13100" width="4.33203125" style="43" customWidth="1"/>
    <col min="13101" max="13101" width="11.83203125" style="43" customWidth="1"/>
    <col min="13102" max="13102" width="4.33203125" style="43" customWidth="1"/>
    <col min="13103" max="13103" width="11.83203125" style="43" customWidth="1"/>
    <col min="13104" max="13104" width="4.33203125" style="43" customWidth="1"/>
    <col min="13105" max="13105" width="11.83203125" style="43" customWidth="1"/>
    <col min="13106" max="13106" width="4.33203125" style="43" customWidth="1"/>
    <col min="13107" max="13107" width="11.83203125" style="43" customWidth="1"/>
    <col min="13108" max="13108" width="4.33203125" style="43" customWidth="1"/>
    <col min="13109" max="13109" width="11.83203125" style="43" customWidth="1"/>
    <col min="13110" max="13110" width="4.33203125" style="43" customWidth="1"/>
    <col min="13111" max="13111" width="11.83203125" style="43" customWidth="1"/>
    <col min="13112" max="13112" width="4.33203125" style="43" customWidth="1"/>
    <col min="13113" max="13113" width="11.83203125" style="43" customWidth="1"/>
    <col min="13114" max="13114" width="4.33203125" style="43" customWidth="1"/>
    <col min="13115" max="13115" width="11.83203125" style="43" customWidth="1"/>
    <col min="13116" max="13116" width="4.33203125" style="43" customWidth="1"/>
    <col min="13117" max="13117" width="11.83203125" style="43" customWidth="1"/>
    <col min="13118" max="13118" width="4.33203125" style="43" customWidth="1"/>
    <col min="13119" max="13119" width="11.83203125" style="43" customWidth="1"/>
    <col min="13120" max="13120" width="4.33203125" style="43" customWidth="1"/>
    <col min="13121" max="13121" width="11.83203125" style="43" customWidth="1"/>
    <col min="13122" max="13122" width="4.33203125" style="43" customWidth="1"/>
    <col min="13123" max="13123" width="11.83203125" style="43" customWidth="1"/>
    <col min="13124" max="13124" width="4.33203125" style="43" customWidth="1"/>
    <col min="13125" max="13125" width="11.83203125" style="43" customWidth="1"/>
    <col min="13126" max="13126" width="4.33203125" style="43" customWidth="1"/>
    <col min="13127" max="13127" width="11.83203125" style="43" customWidth="1"/>
    <col min="13128" max="13128" width="4.33203125" style="43" customWidth="1"/>
    <col min="13129" max="13129" width="11.83203125" style="43" customWidth="1"/>
    <col min="13130" max="13220" width="5.33203125" style="43" customWidth="1"/>
    <col min="13221" max="13226" width="1.33203125" style="43" customWidth="1"/>
    <col min="13227" max="13227" width="8.08203125" style="43" customWidth="1"/>
    <col min="13228" max="13228" width="4.33203125" style="43" customWidth="1"/>
    <col min="13229" max="13229" width="11.83203125" style="43" customWidth="1"/>
    <col min="13230" max="13230" width="4.33203125" style="43" customWidth="1"/>
    <col min="13231" max="13231" width="11.83203125" style="43" customWidth="1"/>
    <col min="13232" max="13232" width="4.33203125" style="43" customWidth="1"/>
    <col min="13233" max="13233" width="11.83203125" style="43" customWidth="1"/>
    <col min="13234" max="13234" width="4.33203125" style="43" customWidth="1"/>
    <col min="13235" max="13235" width="11.83203125" style="43" customWidth="1"/>
    <col min="13236" max="13236" width="4.33203125" style="43" customWidth="1"/>
    <col min="13237" max="13237" width="11.83203125" style="43" customWidth="1"/>
    <col min="13238" max="13238" width="4.33203125" style="43" customWidth="1"/>
    <col min="13239" max="13239" width="11.83203125" style="43" customWidth="1"/>
    <col min="13240" max="13240" width="4.33203125" style="43" customWidth="1"/>
    <col min="13241" max="13241" width="11.83203125" style="43" customWidth="1"/>
    <col min="13242" max="13242" width="4.33203125" style="43" customWidth="1"/>
    <col min="13243" max="13243" width="11.83203125" style="43" customWidth="1"/>
    <col min="13244" max="13244" width="4.33203125" style="43" customWidth="1"/>
    <col min="13245" max="13245" width="11.83203125" style="43" customWidth="1"/>
    <col min="13246" max="13246" width="4.33203125" style="43" customWidth="1"/>
    <col min="13247" max="13247" width="11.83203125" style="43" customWidth="1"/>
    <col min="13248" max="13248" width="4.33203125" style="43" customWidth="1"/>
    <col min="13249" max="13249" width="11.83203125" style="43" customWidth="1"/>
    <col min="13250" max="13250" width="4.33203125" style="43" customWidth="1"/>
    <col min="13251" max="13251" width="11.83203125" style="43" customWidth="1"/>
    <col min="13252" max="13252" width="4.33203125" style="43" customWidth="1"/>
    <col min="13253" max="13253" width="11.83203125" style="43" customWidth="1"/>
    <col min="13254" max="13254" width="4.33203125" style="43" customWidth="1"/>
    <col min="13255" max="13255" width="11.83203125" style="43" customWidth="1"/>
    <col min="13256" max="13256" width="4.33203125" style="43" customWidth="1"/>
    <col min="13257" max="13257" width="11.83203125" style="43" customWidth="1"/>
    <col min="13258" max="13258" width="4.33203125" style="43" customWidth="1"/>
    <col min="13259" max="13259" width="11.83203125" style="43" customWidth="1"/>
    <col min="13260" max="13260" width="4.33203125" style="43" customWidth="1"/>
    <col min="13261" max="13261" width="11.83203125" style="43" customWidth="1"/>
    <col min="13262" max="13262" width="4.33203125" style="43" customWidth="1"/>
    <col min="13263" max="13264" width="4.33203125" style="43"/>
    <col min="13265" max="13268" width="1.33203125" style="43" customWidth="1"/>
    <col min="13269" max="13269" width="8.08203125" style="43" customWidth="1"/>
    <col min="13270" max="13270" width="4.33203125" style="43" customWidth="1"/>
    <col min="13271" max="13271" width="11.83203125" style="43" customWidth="1"/>
    <col min="13272" max="13272" width="4.33203125" style="43" customWidth="1"/>
    <col min="13273" max="13273" width="11.83203125" style="43" customWidth="1"/>
    <col min="13274" max="13274" width="4.33203125" style="43" customWidth="1"/>
    <col min="13275" max="13275" width="11.83203125" style="43" customWidth="1"/>
    <col min="13276" max="13276" width="4.33203125" style="43" customWidth="1"/>
    <col min="13277" max="13277" width="11.83203125" style="43" customWidth="1"/>
    <col min="13278" max="13278" width="4.33203125" style="43" customWidth="1"/>
    <col min="13279" max="13279" width="11.83203125" style="43" customWidth="1"/>
    <col min="13280" max="13280" width="4.33203125" style="43" customWidth="1"/>
    <col min="13281" max="13281" width="11.83203125" style="43" customWidth="1"/>
    <col min="13282" max="13282" width="4.33203125" style="43" customWidth="1"/>
    <col min="13283" max="13283" width="11.83203125" style="43" customWidth="1"/>
    <col min="13284" max="13284" width="4.33203125" style="43" customWidth="1"/>
    <col min="13285" max="13285" width="11.83203125" style="43" customWidth="1"/>
    <col min="13286" max="13286" width="4.33203125" style="43" customWidth="1"/>
    <col min="13287" max="13287" width="11.83203125" style="43" customWidth="1"/>
    <col min="13288" max="13288" width="4.33203125" style="43" customWidth="1"/>
    <col min="13289" max="13289" width="11.83203125" style="43" customWidth="1"/>
    <col min="13290" max="13290" width="4.33203125" style="43" customWidth="1"/>
    <col min="13291" max="13291" width="11.83203125" style="43" customWidth="1"/>
    <col min="13292" max="13292" width="4.33203125" style="43" customWidth="1"/>
    <col min="13293" max="13293" width="11.83203125" style="43" customWidth="1"/>
    <col min="13294" max="13294" width="4.33203125" style="43" customWidth="1"/>
    <col min="13295" max="13295" width="11.83203125" style="43" customWidth="1"/>
    <col min="13296" max="13296" width="4.33203125" style="43" customWidth="1"/>
    <col min="13297" max="13297" width="11.83203125" style="43" customWidth="1"/>
    <col min="13298" max="13298" width="4.33203125" style="43" customWidth="1"/>
    <col min="13299" max="13299" width="11.83203125" style="43" customWidth="1"/>
    <col min="13300" max="13300" width="4.33203125" style="43" customWidth="1"/>
    <col min="13301" max="13301" width="11.83203125" style="43" customWidth="1"/>
    <col min="13302" max="13302" width="4.33203125" style="43" customWidth="1"/>
    <col min="13303" max="13303" width="11.83203125" style="43" customWidth="1"/>
    <col min="13304" max="13304" width="4.33203125" style="43" customWidth="1"/>
    <col min="13305" max="13305" width="11.83203125" style="43" customWidth="1"/>
    <col min="13306" max="13306" width="4.33203125" style="43" customWidth="1"/>
    <col min="13307" max="13307" width="11.83203125" style="43" customWidth="1"/>
    <col min="13308" max="13308" width="4.33203125" style="43" customWidth="1"/>
    <col min="13309" max="13309" width="11.83203125" style="43" customWidth="1"/>
    <col min="13310" max="13310" width="4.33203125" style="43" customWidth="1"/>
    <col min="13311" max="13311" width="11.83203125" style="43" customWidth="1"/>
    <col min="13312" max="13312" width="4.33203125" style="43"/>
    <col min="13313" max="13313" width="11.83203125" style="43" customWidth="1"/>
    <col min="13314" max="13314" width="4.33203125" style="43" customWidth="1"/>
    <col min="13315" max="13315" width="11.83203125" style="43" customWidth="1"/>
    <col min="13316" max="13316" width="4.33203125" style="43" customWidth="1"/>
    <col min="13317" max="13317" width="11.83203125" style="43" customWidth="1"/>
    <col min="13318" max="13318" width="4.33203125" style="43" customWidth="1"/>
    <col min="13319" max="13319" width="11.83203125" style="43" customWidth="1"/>
    <col min="13320" max="13320" width="4.33203125" style="43" customWidth="1"/>
    <col min="13321" max="13321" width="11.83203125" style="43" customWidth="1"/>
    <col min="13322" max="13322" width="4.33203125" style="43" customWidth="1"/>
    <col min="13323" max="13323" width="11.83203125" style="43" customWidth="1"/>
    <col min="13324" max="13324" width="4.33203125" style="43" customWidth="1"/>
    <col min="13325" max="13325" width="11.83203125" style="43" customWidth="1"/>
    <col min="13326" max="13326" width="4.33203125" style="43" customWidth="1"/>
    <col min="13327" max="13327" width="11.83203125" style="43" customWidth="1"/>
    <col min="13328" max="13328" width="4.33203125" style="43" customWidth="1"/>
    <col min="13329" max="13329" width="11.83203125" style="43" customWidth="1"/>
    <col min="13330" max="13330" width="4.33203125" style="43" customWidth="1"/>
    <col min="13331" max="13331" width="11.83203125" style="43" customWidth="1"/>
    <col min="13332" max="13332" width="4.33203125" style="43" customWidth="1"/>
    <col min="13333" max="13333" width="11.83203125" style="43" customWidth="1"/>
    <col min="13334" max="13334" width="4.33203125" style="43" customWidth="1"/>
    <col min="13335" max="13335" width="11.83203125" style="43" customWidth="1"/>
    <col min="13336" max="13336" width="4.33203125" style="43" customWidth="1"/>
    <col min="13337" max="13337" width="11.83203125" style="43" customWidth="1"/>
    <col min="13338" max="13338" width="4.33203125" style="43" customWidth="1"/>
    <col min="13339" max="13339" width="11.83203125" style="43" customWidth="1"/>
    <col min="13340" max="13340" width="4.33203125" style="43" customWidth="1"/>
    <col min="13341" max="13341" width="11.83203125" style="43" customWidth="1"/>
    <col min="13342" max="13342" width="4.33203125" style="43" customWidth="1"/>
    <col min="13343" max="13343" width="11.83203125" style="43" customWidth="1"/>
    <col min="13344" max="13344" width="4.33203125" style="43" customWidth="1"/>
    <col min="13345" max="13345" width="11.83203125" style="43" customWidth="1"/>
    <col min="13346" max="13346" width="4.33203125" style="43" customWidth="1"/>
    <col min="13347" max="13347" width="11.83203125" style="43" customWidth="1"/>
    <col min="13348" max="13348" width="4.33203125" style="43" customWidth="1"/>
    <col min="13349" max="13349" width="11.83203125" style="43" customWidth="1"/>
    <col min="13350" max="13350" width="4.33203125" style="43" customWidth="1"/>
    <col min="13351" max="13351" width="11.83203125" style="43" customWidth="1"/>
    <col min="13352" max="13352" width="4.33203125" style="43" customWidth="1"/>
    <col min="13353" max="13353" width="11.83203125" style="43" customWidth="1"/>
    <col min="13354" max="13354" width="4.33203125" style="43" customWidth="1"/>
    <col min="13355" max="13355" width="11.83203125" style="43" customWidth="1"/>
    <col min="13356" max="13356" width="4.33203125" style="43" customWidth="1"/>
    <col min="13357" max="13357" width="11.83203125" style="43" customWidth="1"/>
    <col min="13358" max="13358" width="4.33203125" style="43" customWidth="1"/>
    <col min="13359" max="13359" width="11.83203125" style="43" customWidth="1"/>
    <col min="13360" max="13360" width="4.33203125" style="43" customWidth="1"/>
    <col min="13361" max="13361" width="11.83203125" style="43" customWidth="1"/>
    <col min="13362" max="13362" width="4.33203125" style="43" customWidth="1"/>
    <col min="13363" max="13363" width="11.83203125" style="43" customWidth="1"/>
    <col min="13364" max="13364" width="4.33203125" style="43" customWidth="1"/>
    <col min="13365" max="13365" width="11.83203125" style="43" customWidth="1"/>
    <col min="13366" max="13366" width="4.33203125" style="43" customWidth="1"/>
    <col min="13367" max="13367" width="11.83203125" style="43" customWidth="1"/>
    <col min="13368" max="13368" width="4.33203125" style="43" customWidth="1"/>
    <col min="13369" max="13369" width="11.83203125" style="43" customWidth="1"/>
    <col min="13370" max="13370" width="4.33203125" style="43" customWidth="1"/>
    <col min="13371" max="13371" width="11.83203125" style="43" customWidth="1"/>
    <col min="13372" max="13372" width="4.33203125" style="43" customWidth="1"/>
    <col min="13373" max="13373" width="11.83203125" style="43" customWidth="1"/>
    <col min="13374" max="13374" width="4.33203125" style="43" customWidth="1"/>
    <col min="13375" max="13375" width="11.83203125" style="43" customWidth="1"/>
    <col min="13376" max="13376" width="4.33203125" style="43" customWidth="1"/>
    <col min="13377" max="13377" width="11.83203125" style="43" customWidth="1"/>
    <col min="13378" max="13378" width="4.33203125" style="43" customWidth="1"/>
    <col min="13379" max="13379" width="11.83203125" style="43" customWidth="1"/>
    <col min="13380" max="13380" width="4.33203125" style="43" customWidth="1"/>
    <col min="13381" max="13381" width="11.83203125" style="43" customWidth="1"/>
    <col min="13382" max="13382" width="4.33203125" style="43" customWidth="1"/>
    <col min="13383" max="13383" width="11.83203125" style="43" customWidth="1"/>
    <col min="13384" max="13384" width="4.33203125" style="43" customWidth="1"/>
    <col min="13385" max="13385" width="11.83203125" style="43" customWidth="1"/>
    <col min="13386" max="13476" width="5.33203125" style="43" customWidth="1"/>
    <col min="13477" max="13482" width="1.33203125" style="43" customWidth="1"/>
    <col min="13483" max="13483" width="8.08203125" style="43" customWidth="1"/>
    <col min="13484" max="13484" width="4.33203125" style="43" customWidth="1"/>
    <col min="13485" max="13485" width="11.83203125" style="43" customWidth="1"/>
    <col min="13486" max="13486" width="4.33203125" style="43" customWidth="1"/>
    <col min="13487" max="13487" width="11.83203125" style="43" customWidth="1"/>
    <col min="13488" max="13488" width="4.33203125" style="43" customWidth="1"/>
    <col min="13489" max="13489" width="11.83203125" style="43" customWidth="1"/>
    <col min="13490" max="13490" width="4.33203125" style="43" customWidth="1"/>
    <col min="13491" max="13491" width="11.83203125" style="43" customWidth="1"/>
    <col min="13492" max="13492" width="4.33203125" style="43" customWidth="1"/>
    <col min="13493" max="13493" width="11.83203125" style="43" customWidth="1"/>
    <col min="13494" max="13494" width="4.33203125" style="43" customWidth="1"/>
    <col min="13495" max="13495" width="11.83203125" style="43" customWidth="1"/>
    <col min="13496" max="13496" width="4.33203125" style="43" customWidth="1"/>
    <col min="13497" max="13497" width="11.83203125" style="43" customWidth="1"/>
    <col min="13498" max="13498" width="4.33203125" style="43" customWidth="1"/>
    <col min="13499" max="13499" width="11.83203125" style="43" customWidth="1"/>
    <col min="13500" max="13500" width="4.33203125" style="43" customWidth="1"/>
    <col min="13501" max="13501" width="11.83203125" style="43" customWidth="1"/>
    <col min="13502" max="13502" width="4.33203125" style="43" customWidth="1"/>
    <col min="13503" max="13503" width="11.83203125" style="43" customWidth="1"/>
    <col min="13504" max="13504" width="4.33203125" style="43" customWidth="1"/>
    <col min="13505" max="13505" width="11.83203125" style="43" customWidth="1"/>
    <col min="13506" max="13506" width="4.33203125" style="43" customWidth="1"/>
    <col min="13507" max="13507" width="11.83203125" style="43" customWidth="1"/>
    <col min="13508" max="13508" width="4.33203125" style="43" customWidth="1"/>
    <col min="13509" max="13509" width="11.83203125" style="43" customWidth="1"/>
    <col min="13510" max="13510" width="4.33203125" style="43" customWidth="1"/>
    <col min="13511" max="13511" width="11.83203125" style="43" customWidth="1"/>
    <col min="13512" max="13512" width="4.33203125" style="43" customWidth="1"/>
    <col min="13513" max="13513" width="11.83203125" style="43" customWidth="1"/>
    <col min="13514" max="13514" width="4.33203125" style="43" customWidth="1"/>
    <col min="13515" max="13515" width="11.83203125" style="43" customWidth="1"/>
    <col min="13516" max="13516" width="4.33203125" style="43" customWidth="1"/>
    <col min="13517" max="13517" width="11.83203125" style="43" customWidth="1"/>
    <col min="13518" max="13518" width="4.33203125" style="43" customWidth="1"/>
    <col min="13519" max="13520" width="4.33203125" style="43"/>
    <col min="13521" max="13524" width="1.33203125" style="43" customWidth="1"/>
    <col min="13525" max="13525" width="8.08203125" style="43" customWidth="1"/>
    <col min="13526" max="13526" width="4.33203125" style="43" customWidth="1"/>
    <col min="13527" max="13527" width="11.83203125" style="43" customWidth="1"/>
    <col min="13528" max="13528" width="4.33203125" style="43" customWidth="1"/>
    <col min="13529" max="13529" width="11.83203125" style="43" customWidth="1"/>
    <col min="13530" max="13530" width="4.33203125" style="43" customWidth="1"/>
    <col min="13531" max="13531" width="11.83203125" style="43" customWidth="1"/>
    <col min="13532" max="13532" width="4.33203125" style="43" customWidth="1"/>
    <col min="13533" max="13533" width="11.83203125" style="43" customWidth="1"/>
    <col min="13534" max="13534" width="4.33203125" style="43" customWidth="1"/>
    <col min="13535" max="13535" width="11.83203125" style="43" customWidth="1"/>
    <col min="13536" max="13536" width="4.33203125" style="43" customWidth="1"/>
    <col min="13537" max="13537" width="11.83203125" style="43" customWidth="1"/>
    <col min="13538" max="13538" width="4.33203125" style="43" customWidth="1"/>
    <col min="13539" max="13539" width="11.83203125" style="43" customWidth="1"/>
    <col min="13540" max="13540" width="4.33203125" style="43" customWidth="1"/>
    <col min="13541" max="13541" width="11.83203125" style="43" customWidth="1"/>
    <col min="13542" max="13542" width="4.33203125" style="43" customWidth="1"/>
    <col min="13543" max="13543" width="11.83203125" style="43" customWidth="1"/>
    <col min="13544" max="13544" width="4.33203125" style="43" customWidth="1"/>
    <col min="13545" max="13545" width="11.83203125" style="43" customWidth="1"/>
    <col min="13546" max="13546" width="4.33203125" style="43" customWidth="1"/>
    <col min="13547" max="13547" width="11.83203125" style="43" customWidth="1"/>
    <col min="13548" max="13548" width="4.33203125" style="43" customWidth="1"/>
    <col min="13549" max="13549" width="11.83203125" style="43" customWidth="1"/>
    <col min="13550" max="13550" width="4.33203125" style="43" customWidth="1"/>
    <col min="13551" max="13551" width="11.83203125" style="43" customWidth="1"/>
    <col min="13552" max="13552" width="4.33203125" style="43" customWidth="1"/>
    <col min="13553" max="13553" width="11.83203125" style="43" customWidth="1"/>
    <col min="13554" max="13554" width="4.33203125" style="43" customWidth="1"/>
    <col min="13555" max="13555" width="11.83203125" style="43" customWidth="1"/>
    <col min="13556" max="13556" width="4.33203125" style="43" customWidth="1"/>
    <col min="13557" max="13557" width="11.83203125" style="43" customWidth="1"/>
    <col min="13558" max="13558" width="4.33203125" style="43" customWidth="1"/>
    <col min="13559" max="13559" width="11.83203125" style="43" customWidth="1"/>
    <col min="13560" max="13560" width="4.33203125" style="43" customWidth="1"/>
    <col min="13561" max="13561" width="11.83203125" style="43" customWidth="1"/>
    <col min="13562" max="13562" width="4.33203125" style="43" customWidth="1"/>
    <col min="13563" max="13563" width="11.83203125" style="43" customWidth="1"/>
    <col min="13564" max="13564" width="4.33203125" style="43" customWidth="1"/>
    <col min="13565" max="13565" width="11.83203125" style="43" customWidth="1"/>
    <col min="13566" max="13566" width="4.33203125" style="43" customWidth="1"/>
    <col min="13567" max="13567" width="11.83203125" style="43" customWidth="1"/>
    <col min="13568" max="13568" width="4.33203125" style="43"/>
    <col min="13569" max="13569" width="11.83203125" style="43" customWidth="1"/>
    <col min="13570" max="13570" width="4.33203125" style="43" customWidth="1"/>
    <col min="13571" max="13571" width="11.83203125" style="43" customWidth="1"/>
    <col min="13572" max="13572" width="4.33203125" style="43" customWidth="1"/>
    <col min="13573" max="13573" width="11.83203125" style="43" customWidth="1"/>
    <col min="13574" max="13574" width="4.33203125" style="43" customWidth="1"/>
    <col min="13575" max="13575" width="11.83203125" style="43" customWidth="1"/>
    <col min="13576" max="13576" width="4.33203125" style="43" customWidth="1"/>
    <col min="13577" max="13577" width="11.83203125" style="43" customWidth="1"/>
    <col min="13578" max="13578" width="4.33203125" style="43" customWidth="1"/>
    <col min="13579" max="13579" width="11.83203125" style="43" customWidth="1"/>
    <col min="13580" max="13580" width="4.33203125" style="43" customWidth="1"/>
    <col min="13581" max="13581" width="11.83203125" style="43" customWidth="1"/>
    <col min="13582" max="13582" width="4.33203125" style="43" customWidth="1"/>
    <col min="13583" max="13583" width="11.83203125" style="43" customWidth="1"/>
    <col min="13584" max="13584" width="4.33203125" style="43" customWidth="1"/>
    <col min="13585" max="13585" width="11.83203125" style="43" customWidth="1"/>
    <col min="13586" max="13586" width="4.33203125" style="43" customWidth="1"/>
    <col min="13587" max="13587" width="11.83203125" style="43" customWidth="1"/>
    <col min="13588" max="13588" width="4.33203125" style="43" customWidth="1"/>
    <col min="13589" max="13589" width="11.83203125" style="43" customWidth="1"/>
    <col min="13590" max="13590" width="4.33203125" style="43" customWidth="1"/>
    <col min="13591" max="13591" width="11.83203125" style="43" customWidth="1"/>
    <col min="13592" max="13592" width="4.33203125" style="43" customWidth="1"/>
    <col min="13593" max="13593" width="11.83203125" style="43" customWidth="1"/>
    <col min="13594" max="13594" width="4.33203125" style="43" customWidth="1"/>
    <col min="13595" max="13595" width="11.83203125" style="43" customWidth="1"/>
    <col min="13596" max="13596" width="4.33203125" style="43" customWidth="1"/>
    <col min="13597" max="13597" width="11.83203125" style="43" customWidth="1"/>
    <col min="13598" max="13598" width="4.33203125" style="43" customWidth="1"/>
    <col min="13599" max="13599" width="11.83203125" style="43" customWidth="1"/>
    <col min="13600" max="13600" width="4.33203125" style="43" customWidth="1"/>
    <col min="13601" max="13601" width="11.83203125" style="43" customWidth="1"/>
    <col min="13602" max="13602" width="4.33203125" style="43" customWidth="1"/>
    <col min="13603" max="13603" width="11.83203125" style="43" customWidth="1"/>
    <col min="13604" max="13604" width="4.33203125" style="43" customWidth="1"/>
    <col min="13605" max="13605" width="11.83203125" style="43" customWidth="1"/>
    <col min="13606" max="13606" width="4.33203125" style="43" customWidth="1"/>
    <col min="13607" max="13607" width="11.83203125" style="43" customWidth="1"/>
    <col min="13608" max="13608" width="4.33203125" style="43" customWidth="1"/>
    <col min="13609" max="13609" width="11.83203125" style="43" customWidth="1"/>
    <col min="13610" max="13610" width="4.33203125" style="43" customWidth="1"/>
    <col min="13611" max="13611" width="11.83203125" style="43" customWidth="1"/>
    <col min="13612" max="13612" width="4.33203125" style="43" customWidth="1"/>
    <col min="13613" max="13613" width="11.83203125" style="43" customWidth="1"/>
    <col min="13614" max="13614" width="4.33203125" style="43" customWidth="1"/>
    <col min="13615" max="13615" width="11.83203125" style="43" customWidth="1"/>
    <col min="13616" max="13616" width="4.33203125" style="43" customWidth="1"/>
    <col min="13617" max="13617" width="11.83203125" style="43" customWidth="1"/>
    <col min="13618" max="13618" width="4.33203125" style="43" customWidth="1"/>
    <col min="13619" max="13619" width="11.83203125" style="43" customWidth="1"/>
    <col min="13620" max="13620" width="4.33203125" style="43" customWidth="1"/>
    <col min="13621" max="13621" width="11.83203125" style="43" customWidth="1"/>
    <col min="13622" max="13622" width="4.33203125" style="43" customWidth="1"/>
    <col min="13623" max="13623" width="11.83203125" style="43" customWidth="1"/>
    <col min="13624" max="13624" width="4.33203125" style="43" customWidth="1"/>
    <col min="13625" max="13625" width="11.83203125" style="43" customWidth="1"/>
    <col min="13626" max="13626" width="4.33203125" style="43" customWidth="1"/>
    <col min="13627" max="13627" width="11.83203125" style="43" customWidth="1"/>
    <col min="13628" max="13628" width="4.33203125" style="43" customWidth="1"/>
    <col min="13629" max="13629" width="11.83203125" style="43" customWidth="1"/>
    <col min="13630" max="13630" width="4.33203125" style="43" customWidth="1"/>
    <col min="13631" max="13631" width="11.83203125" style="43" customWidth="1"/>
    <col min="13632" max="13632" width="4.33203125" style="43" customWidth="1"/>
    <col min="13633" max="13633" width="11.83203125" style="43" customWidth="1"/>
    <col min="13634" max="13634" width="4.33203125" style="43" customWidth="1"/>
    <col min="13635" max="13635" width="11.83203125" style="43" customWidth="1"/>
    <col min="13636" max="13636" width="4.33203125" style="43" customWidth="1"/>
    <col min="13637" max="13637" width="11.83203125" style="43" customWidth="1"/>
    <col min="13638" max="13638" width="4.33203125" style="43" customWidth="1"/>
    <col min="13639" max="13639" width="11.83203125" style="43" customWidth="1"/>
    <col min="13640" max="13640" width="4.33203125" style="43" customWidth="1"/>
    <col min="13641" max="13641" width="11.83203125" style="43" customWidth="1"/>
    <col min="13642" max="13732" width="5.33203125" style="43" customWidth="1"/>
    <col min="13733" max="13738" width="1.33203125" style="43" customWidth="1"/>
    <col min="13739" max="13739" width="8.08203125" style="43" customWidth="1"/>
    <col min="13740" max="13740" width="4.33203125" style="43" customWidth="1"/>
    <col min="13741" max="13741" width="11.83203125" style="43" customWidth="1"/>
    <col min="13742" max="13742" width="4.33203125" style="43" customWidth="1"/>
    <col min="13743" max="13743" width="11.83203125" style="43" customWidth="1"/>
    <col min="13744" max="13744" width="4.33203125" style="43" customWidth="1"/>
    <col min="13745" max="13745" width="11.83203125" style="43" customWidth="1"/>
    <col min="13746" max="13746" width="4.33203125" style="43" customWidth="1"/>
    <col min="13747" max="13747" width="11.83203125" style="43" customWidth="1"/>
    <col min="13748" max="13748" width="4.33203125" style="43" customWidth="1"/>
    <col min="13749" max="13749" width="11.83203125" style="43" customWidth="1"/>
    <col min="13750" max="13750" width="4.33203125" style="43" customWidth="1"/>
    <col min="13751" max="13751" width="11.83203125" style="43" customWidth="1"/>
    <col min="13752" max="13752" width="4.33203125" style="43" customWidth="1"/>
    <col min="13753" max="13753" width="11.83203125" style="43" customWidth="1"/>
    <col min="13754" max="13754" width="4.33203125" style="43" customWidth="1"/>
    <col min="13755" max="13755" width="11.83203125" style="43" customWidth="1"/>
    <col min="13756" max="13756" width="4.33203125" style="43" customWidth="1"/>
    <col min="13757" max="13757" width="11.83203125" style="43" customWidth="1"/>
    <col min="13758" max="13758" width="4.33203125" style="43" customWidth="1"/>
    <col min="13759" max="13759" width="11.83203125" style="43" customWidth="1"/>
    <col min="13760" max="13760" width="4.33203125" style="43" customWidth="1"/>
    <col min="13761" max="13761" width="11.83203125" style="43" customWidth="1"/>
    <col min="13762" max="13762" width="4.33203125" style="43" customWidth="1"/>
    <col min="13763" max="13763" width="11.83203125" style="43" customWidth="1"/>
    <col min="13764" max="13764" width="4.33203125" style="43" customWidth="1"/>
    <col min="13765" max="13765" width="11.83203125" style="43" customWidth="1"/>
    <col min="13766" max="13766" width="4.33203125" style="43" customWidth="1"/>
    <col min="13767" max="13767" width="11.83203125" style="43" customWidth="1"/>
    <col min="13768" max="13768" width="4.33203125" style="43" customWidth="1"/>
    <col min="13769" max="13769" width="11.83203125" style="43" customWidth="1"/>
    <col min="13770" max="13770" width="4.33203125" style="43" customWidth="1"/>
    <col min="13771" max="13771" width="11.83203125" style="43" customWidth="1"/>
    <col min="13772" max="13772" width="4.33203125" style="43" customWidth="1"/>
    <col min="13773" max="13773" width="11.83203125" style="43" customWidth="1"/>
    <col min="13774" max="13774" width="4.33203125" style="43" customWidth="1"/>
    <col min="13775" max="13776" width="4.33203125" style="43"/>
    <col min="13777" max="13780" width="1.33203125" style="43" customWidth="1"/>
    <col min="13781" max="13781" width="8.08203125" style="43" customWidth="1"/>
    <col min="13782" max="13782" width="4.33203125" style="43" customWidth="1"/>
    <col min="13783" max="13783" width="11.83203125" style="43" customWidth="1"/>
    <col min="13784" max="13784" width="4.33203125" style="43" customWidth="1"/>
    <col min="13785" max="13785" width="11.83203125" style="43" customWidth="1"/>
    <col min="13786" max="13786" width="4.33203125" style="43" customWidth="1"/>
    <col min="13787" max="13787" width="11.83203125" style="43" customWidth="1"/>
    <col min="13788" max="13788" width="4.33203125" style="43" customWidth="1"/>
    <col min="13789" max="13789" width="11.83203125" style="43" customWidth="1"/>
    <col min="13790" max="13790" width="4.33203125" style="43" customWidth="1"/>
    <col min="13791" max="13791" width="11.83203125" style="43" customWidth="1"/>
    <col min="13792" max="13792" width="4.33203125" style="43" customWidth="1"/>
    <col min="13793" max="13793" width="11.83203125" style="43" customWidth="1"/>
    <col min="13794" max="13794" width="4.33203125" style="43" customWidth="1"/>
    <col min="13795" max="13795" width="11.83203125" style="43" customWidth="1"/>
    <col min="13796" max="13796" width="4.33203125" style="43" customWidth="1"/>
    <col min="13797" max="13797" width="11.83203125" style="43" customWidth="1"/>
    <col min="13798" max="13798" width="4.33203125" style="43" customWidth="1"/>
    <col min="13799" max="13799" width="11.83203125" style="43" customWidth="1"/>
    <col min="13800" max="13800" width="4.33203125" style="43" customWidth="1"/>
    <col min="13801" max="13801" width="11.83203125" style="43" customWidth="1"/>
    <col min="13802" max="13802" width="4.33203125" style="43" customWidth="1"/>
    <col min="13803" max="13803" width="11.83203125" style="43" customWidth="1"/>
    <col min="13804" max="13804" width="4.33203125" style="43" customWidth="1"/>
    <col min="13805" max="13805" width="11.83203125" style="43" customWidth="1"/>
    <col min="13806" max="13806" width="4.33203125" style="43" customWidth="1"/>
    <col min="13807" max="13807" width="11.83203125" style="43" customWidth="1"/>
    <col min="13808" max="13808" width="4.33203125" style="43" customWidth="1"/>
    <col min="13809" max="13809" width="11.83203125" style="43" customWidth="1"/>
    <col min="13810" max="13810" width="4.33203125" style="43" customWidth="1"/>
    <col min="13811" max="13811" width="11.83203125" style="43" customWidth="1"/>
    <col min="13812" max="13812" width="4.33203125" style="43" customWidth="1"/>
    <col min="13813" max="13813" width="11.83203125" style="43" customWidth="1"/>
    <col min="13814" max="13814" width="4.33203125" style="43" customWidth="1"/>
    <col min="13815" max="13815" width="11.83203125" style="43" customWidth="1"/>
    <col min="13816" max="13816" width="4.33203125" style="43" customWidth="1"/>
    <col min="13817" max="13817" width="11.83203125" style="43" customWidth="1"/>
    <col min="13818" max="13818" width="4.33203125" style="43" customWidth="1"/>
    <col min="13819" max="13819" width="11.83203125" style="43" customWidth="1"/>
    <col min="13820" max="13820" width="4.33203125" style="43" customWidth="1"/>
    <col min="13821" max="13821" width="11.83203125" style="43" customWidth="1"/>
    <col min="13822" max="13822" width="4.33203125" style="43" customWidth="1"/>
    <col min="13823" max="13823" width="11.83203125" style="43" customWidth="1"/>
    <col min="13824" max="13824" width="4.33203125" style="43"/>
    <col min="13825" max="13825" width="11.83203125" style="43" customWidth="1"/>
    <col min="13826" max="13826" width="4.33203125" style="43" customWidth="1"/>
    <col min="13827" max="13827" width="11.83203125" style="43" customWidth="1"/>
    <col min="13828" max="13828" width="4.33203125" style="43" customWidth="1"/>
    <col min="13829" max="13829" width="11.83203125" style="43" customWidth="1"/>
    <col min="13830" max="13830" width="4.33203125" style="43" customWidth="1"/>
    <col min="13831" max="13831" width="11.83203125" style="43" customWidth="1"/>
    <col min="13832" max="13832" width="4.33203125" style="43" customWidth="1"/>
    <col min="13833" max="13833" width="11.83203125" style="43" customWidth="1"/>
    <col min="13834" max="13834" width="4.33203125" style="43" customWidth="1"/>
    <col min="13835" max="13835" width="11.83203125" style="43" customWidth="1"/>
    <col min="13836" max="13836" width="4.33203125" style="43" customWidth="1"/>
    <col min="13837" max="13837" width="11.83203125" style="43" customWidth="1"/>
    <col min="13838" max="13838" width="4.33203125" style="43" customWidth="1"/>
    <col min="13839" max="13839" width="11.83203125" style="43" customWidth="1"/>
    <col min="13840" max="13840" width="4.33203125" style="43" customWidth="1"/>
    <col min="13841" max="13841" width="11.83203125" style="43" customWidth="1"/>
    <col min="13842" max="13842" width="4.33203125" style="43" customWidth="1"/>
    <col min="13843" max="13843" width="11.83203125" style="43" customWidth="1"/>
    <col min="13844" max="13844" width="4.33203125" style="43" customWidth="1"/>
    <col min="13845" max="13845" width="11.83203125" style="43" customWidth="1"/>
    <col min="13846" max="13846" width="4.33203125" style="43" customWidth="1"/>
    <col min="13847" max="13847" width="11.83203125" style="43" customWidth="1"/>
    <col min="13848" max="13848" width="4.33203125" style="43" customWidth="1"/>
    <col min="13849" max="13849" width="11.83203125" style="43" customWidth="1"/>
    <col min="13850" max="13850" width="4.33203125" style="43" customWidth="1"/>
    <col min="13851" max="13851" width="11.83203125" style="43" customWidth="1"/>
    <col min="13852" max="13852" width="4.33203125" style="43" customWidth="1"/>
    <col min="13853" max="13853" width="11.83203125" style="43" customWidth="1"/>
    <col min="13854" max="13854" width="4.33203125" style="43" customWidth="1"/>
    <col min="13855" max="13855" width="11.83203125" style="43" customWidth="1"/>
    <col min="13856" max="13856" width="4.33203125" style="43" customWidth="1"/>
    <col min="13857" max="13857" width="11.83203125" style="43" customWidth="1"/>
    <col min="13858" max="13858" width="4.33203125" style="43" customWidth="1"/>
    <col min="13859" max="13859" width="11.83203125" style="43" customWidth="1"/>
    <col min="13860" max="13860" width="4.33203125" style="43" customWidth="1"/>
    <col min="13861" max="13861" width="11.83203125" style="43" customWidth="1"/>
    <col min="13862" max="13862" width="4.33203125" style="43" customWidth="1"/>
    <col min="13863" max="13863" width="11.83203125" style="43" customWidth="1"/>
    <col min="13864" max="13864" width="4.33203125" style="43" customWidth="1"/>
    <col min="13865" max="13865" width="11.83203125" style="43" customWidth="1"/>
    <col min="13866" max="13866" width="4.33203125" style="43" customWidth="1"/>
    <col min="13867" max="13867" width="11.83203125" style="43" customWidth="1"/>
    <col min="13868" max="13868" width="4.33203125" style="43" customWidth="1"/>
    <col min="13869" max="13869" width="11.83203125" style="43" customWidth="1"/>
    <col min="13870" max="13870" width="4.33203125" style="43" customWidth="1"/>
    <col min="13871" max="13871" width="11.83203125" style="43" customWidth="1"/>
    <col min="13872" max="13872" width="4.33203125" style="43" customWidth="1"/>
    <col min="13873" max="13873" width="11.83203125" style="43" customWidth="1"/>
    <col min="13874" max="13874" width="4.33203125" style="43" customWidth="1"/>
    <col min="13875" max="13875" width="11.83203125" style="43" customWidth="1"/>
    <col min="13876" max="13876" width="4.33203125" style="43" customWidth="1"/>
    <col min="13877" max="13877" width="11.83203125" style="43" customWidth="1"/>
    <col min="13878" max="13878" width="4.33203125" style="43" customWidth="1"/>
    <col min="13879" max="13879" width="11.83203125" style="43" customWidth="1"/>
    <col min="13880" max="13880" width="4.33203125" style="43" customWidth="1"/>
    <col min="13881" max="13881" width="11.83203125" style="43" customWidth="1"/>
    <col min="13882" max="13882" width="4.33203125" style="43" customWidth="1"/>
    <col min="13883" max="13883" width="11.83203125" style="43" customWidth="1"/>
    <col min="13884" max="13884" width="4.33203125" style="43" customWidth="1"/>
    <col min="13885" max="13885" width="11.83203125" style="43" customWidth="1"/>
    <col min="13886" max="13886" width="4.33203125" style="43" customWidth="1"/>
    <col min="13887" max="13887" width="11.83203125" style="43" customWidth="1"/>
    <col min="13888" max="13888" width="4.33203125" style="43" customWidth="1"/>
    <col min="13889" max="13889" width="11.83203125" style="43" customWidth="1"/>
    <col min="13890" max="13890" width="4.33203125" style="43" customWidth="1"/>
    <col min="13891" max="13891" width="11.83203125" style="43" customWidth="1"/>
    <col min="13892" max="13892" width="4.33203125" style="43" customWidth="1"/>
    <col min="13893" max="13893" width="11.83203125" style="43" customWidth="1"/>
    <col min="13894" max="13894" width="4.33203125" style="43" customWidth="1"/>
    <col min="13895" max="13895" width="11.83203125" style="43" customWidth="1"/>
    <col min="13896" max="13896" width="4.33203125" style="43" customWidth="1"/>
    <col min="13897" max="13897" width="11.83203125" style="43" customWidth="1"/>
    <col min="13898" max="13988" width="5.33203125" style="43" customWidth="1"/>
    <col min="13989" max="13994" width="1.33203125" style="43" customWidth="1"/>
    <col min="13995" max="13995" width="8.08203125" style="43" customWidth="1"/>
    <col min="13996" max="13996" width="4.33203125" style="43" customWidth="1"/>
    <col min="13997" max="13997" width="11.83203125" style="43" customWidth="1"/>
    <col min="13998" max="13998" width="4.33203125" style="43" customWidth="1"/>
    <col min="13999" max="13999" width="11.83203125" style="43" customWidth="1"/>
    <col min="14000" max="14000" width="4.33203125" style="43" customWidth="1"/>
    <col min="14001" max="14001" width="11.83203125" style="43" customWidth="1"/>
    <col min="14002" max="14002" width="4.33203125" style="43" customWidth="1"/>
    <col min="14003" max="14003" width="11.83203125" style="43" customWidth="1"/>
    <col min="14004" max="14004" width="4.33203125" style="43" customWidth="1"/>
    <col min="14005" max="14005" width="11.83203125" style="43" customWidth="1"/>
    <col min="14006" max="14006" width="4.33203125" style="43" customWidth="1"/>
    <col min="14007" max="14007" width="11.83203125" style="43" customWidth="1"/>
    <col min="14008" max="14008" width="4.33203125" style="43" customWidth="1"/>
    <col min="14009" max="14009" width="11.83203125" style="43" customWidth="1"/>
    <col min="14010" max="14010" width="4.33203125" style="43" customWidth="1"/>
    <col min="14011" max="14011" width="11.83203125" style="43" customWidth="1"/>
    <col min="14012" max="14012" width="4.33203125" style="43" customWidth="1"/>
    <col min="14013" max="14013" width="11.83203125" style="43" customWidth="1"/>
    <col min="14014" max="14014" width="4.33203125" style="43" customWidth="1"/>
    <col min="14015" max="14015" width="11.83203125" style="43" customWidth="1"/>
    <col min="14016" max="14016" width="4.33203125" style="43" customWidth="1"/>
    <col min="14017" max="14017" width="11.83203125" style="43" customWidth="1"/>
    <col min="14018" max="14018" width="4.33203125" style="43" customWidth="1"/>
    <col min="14019" max="14019" width="11.83203125" style="43" customWidth="1"/>
    <col min="14020" max="14020" width="4.33203125" style="43" customWidth="1"/>
    <col min="14021" max="14021" width="11.83203125" style="43" customWidth="1"/>
    <col min="14022" max="14022" width="4.33203125" style="43" customWidth="1"/>
    <col min="14023" max="14023" width="11.83203125" style="43" customWidth="1"/>
    <col min="14024" max="14024" width="4.33203125" style="43" customWidth="1"/>
    <col min="14025" max="14025" width="11.83203125" style="43" customWidth="1"/>
    <col min="14026" max="14026" width="4.33203125" style="43" customWidth="1"/>
    <col min="14027" max="14027" width="11.83203125" style="43" customWidth="1"/>
    <col min="14028" max="14028" width="4.33203125" style="43" customWidth="1"/>
    <col min="14029" max="14029" width="11.83203125" style="43" customWidth="1"/>
    <col min="14030" max="14030" width="4.33203125" style="43" customWidth="1"/>
    <col min="14031" max="14032" width="4.33203125" style="43"/>
    <col min="14033" max="14036" width="1.33203125" style="43" customWidth="1"/>
    <col min="14037" max="14037" width="8.08203125" style="43" customWidth="1"/>
    <col min="14038" max="14038" width="4.33203125" style="43" customWidth="1"/>
    <col min="14039" max="14039" width="11.83203125" style="43" customWidth="1"/>
    <col min="14040" max="14040" width="4.33203125" style="43" customWidth="1"/>
    <col min="14041" max="14041" width="11.83203125" style="43" customWidth="1"/>
    <col min="14042" max="14042" width="4.33203125" style="43" customWidth="1"/>
    <col min="14043" max="14043" width="11.83203125" style="43" customWidth="1"/>
    <col min="14044" max="14044" width="4.33203125" style="43" customWidth="1"/>
    <col min="14045" max="14045" width="11.83203125" style="43" customWidth="1"/>
    <col min="14046" max="14046" width="4.33203125" style="43" customWidth="1"/>
    <col min="14047" max="14047" width="11.83203125" style="43" customWidth="1"/>
    <col min="14048" max="14048" width="4.33203125" style="43" customWidth="1"/>
    <col min="14049" max="14049" width="11.83203125" style="43" customWidth="1"/>
    <col min="14050" max="14050" width="4.33203125" style="43" customWidth="1"/>
    <col min="14051" max="14051" width="11.83203125" style="43" customWidth="1"/>
    <col min="14052" max="14052" width="4.33203125" style="43" customWidth="1"/>
    <col min="14053" max="14053" width="11.83203125" style="43" customWidth="1"/>
    <col min="14054" max="14054" width="4.33203125" style="43" customWidth="1"/>
    <col min="14055" max="14055" width="11.83203125" style="43" customWidth="1"/>
    <col min="14056" max="14056" width="4.33203125" style="43" customWidth="1"/>
    <col min="14057" max="14057" width="11.83203125" style="43" customWidth="1"/>
    <col min="14058" max="14058" width="4.33203125" style="43" customWidth="1"/>
    <col min="14059" max="14059" width="11.83203125" style="43" customWidth="1"/>
    <col min="14060" max="14060" width="4.33203125" style="43" customWidth="1"/>
    <col min="14061" max="14061" width="11.83203125" style="43" customWidth="1"/>
    <col min="14062" max="14062" width="4.33203125" style="43" customWidth="1"/>
    <col min="14063" max="14063" width="11.83203125" style="43" customWidth="1"/>
    <col min="14064" max="14064" width="4.33203125" style="43" customWidth="1"/>
    <col min="14065" max="14065" width="11.83203125" style="43" customWidth="1"/>
    <col min="14066" max="14066" width="4.33203125" style="43" customWidth="1"/>
    <col min="14067" max="14067" width="11.83203125" style="43" customWidth="1"/>
    <col min="14068" max="14068" width="4.33203125" style="43" customWidth="1"/>
    <col min="14069" max="14069" width="11.83203125" style="43" customWidth="1"/>
    <col min="14070" max="14070" width="4.33203125" style="43" customWidth="1"/>
    <col min="14071" max="14071" width="11.83203125" style="43" customWidth="1"/>
    <col min="14072" max="14072" width="4.33203125" style="43" customWidth="1"/>
    <col min="14073" max="14073" width="11.83203125" style="43" customWidth="1"/>
    <col min="14074" max="14074" width="4.33203125" style="43" customWidth="1"/>
    <col min="14075" max="14075" width="11.83203125" style="43" customWidth="1"/>
    <col min="14076" max="14076" width="4.33203125" style="43" customWidth="1"/>
    <col min="14077" max="14077" width="11.83203125" style="43" customWidth="1"/>
    <col min="14078" max="14078" width="4.33203125" style="43" customWidth="1"/>
    <col min="14079" max="14079" width="11.83203125" style="43" customWidth="1"/>
    <col min="14080" max="14080" width="4.33203125" style="43"/>
    <col min="14081" max="14081" width="11.83203125" style="43" customWidth="1"/>
    <col min="14082" max="14082" width="4.33203125" style="43" customWidth="1"/>
    <col min="14083" max="14083" width="11.83203125" style="43" customWidth="1"/>
    <col min="14084" max="14084" width="4.33203125" style="43" customWidth="1"/>
    <col min="14085" max="14085" width="11.83203125" style="43" customWidth="1"/>
    <col min="14086" max="14086" width="4.33203125" style="43" customWidth="1"/>
    <col min="14087" max="14087" width="11.83203125" style="43" customWidth="1"/>
    <col min="14088" max="14088" width="4.33203125" style="43" customWidth="1"/>
    <col min="14089" max="14089" width="11.83203125" style="43" customWidth="1"/>
    <col min="14090" max="14090" width="4.33203125" style="43" customWidth="1"/>
    <col min="14091" max="14091" width="11.83203125" style="43" customWidth="1"/>
    <col min="14092" max="14092" width="4.33203125" style="43" customWidth="1"/>
    <col min="14093" max="14093" width="11.83203125" style="43" customWidth="1"/>
    <col min="14094" max="14094" width="4.33203125" style="43" customWidth="1"/>
    <col min="14095" max="14095" width="11.83203125" style="43" customWidth="1"/>
    <col min="14096" max="14096" width="4.33203125" style="43" customWidth="1"/>
    <col min="14097" max="14097" width="11.83203125" style="43" customWidth="1"/>
    <col min="14098" max="14098" width="4.33203125" style="43" customWidth="1"/>
    <col min="14099" max="14099" width="11.83203125" style="43" customWidth="1"/>
    <col min="14100" max="14100" width="4.33203125" style="43" customWidth="1"/>
    <col min="14101" max="14101" width="11.83203125" style="43" customWidth="1"/>
    <col min="14102" max="14102" width="4.33203125" style="43" customWidth="1"/>
    <col min="14103" max="14103" width="11.83203125" style="43" customWidth="1"/>
    <col min="14104" max="14104" width="4.33203125" style="43" customWidth="1"/>
    <col min="14105" max="14105" width="11.83203125" style="43" customWidth="1"/>
    <col min="14106" max="14106" width="4.33203125" style="43" customWidth="1"/>
    <col min="14107" max="14107" width="11.83203125" style="43" customWidth="1"/>
    <col min="14108" max="14108" width="4.33203125" style="43" customWidth="1"/>
    <col min="14109" max="14109" width="11.83203125" style="43" customWidth="1"/>
    <col min="14110" max="14110" width="4.33203125" style="43" customWidth="1"/>
    <col min="14111" max="14111" width="11.83203125" style="43" customWidth="1"/>
    <col min="14112" max="14112" width="4.33203125" style="43" customWidth="1"/>
    <col min="14113" max="14113" width="11.83203125" style="43" customWidth="1"/>
    <col min="14114" max="14114" width="4.33203125" style="43" customWidth="1"/>
    <col min="14115" max="14115" width="11.83203125" style="43" customWidth="1"/>
    <col min="14116" max="14116" width="4.33203125" style="43" customWidth="1"/>
    <col min="14117" max="14117" width="11.83203125" style="43" customWidth="1"/>
    <col min="14118" max="14118" width="4.33203125" style="43" customWidth="1"/>
    <col min="14119" max="14119" width="11.83203125" style="43" customWidth="1"/>
    <col min="14120" max="14120" width="4.33203125" style="43" customWidth="1"/>
    <col min="14121" max="14121" width="11.83203125" style="43" customWidth="1"/>
    <col min="14122" max="14122" width="4.33203125" style="43" customWidth="1"/>
    <col min="14123" max="14123" width="11.83203125" style="43" customWidth="1"/>
    <col min="14124" max="14124" width="4.33203125" style="43" customWidth="1"/>
    <col min="14125" max="14125" width="11.83203125" style="43" customWidth="1"/>
    <col min="14126" max="14126" width="4.33203125" style="43" customWidth="1"/>
    <col min="14127" max="14127" width="11.83203125" style="43" customWidth="1"/>
    <col min="14128" max="14128" width="4.33203125" style="43" customWidth="1"/>
    <col min="14129" max="14129" width="11.83203125" style="43" customWidth="1"/>
    <col min="14130" max="14130" width="4.33203125" style="43" customWidth="1"/>
    <col min="14131" max="14131" width="11.83203125" style="43" customWidth="1"/>
    <col min="14132" max="14132" width="4.33203125" style="43" customWidth="1"/>
    <col min="14133" max="14133" width="11.83203125" style="43" customWidth="1"/>
    <col min="14134" max="14134" width="4.33203125" style="43" customWidth="1"/>
    <col min="14135" max="14135" width="11.83203125" style="43" customWidth="1"/>
    <col min="14136" max="14136" width="4.33203125" style="43" customWidth="1"/>
    <col min="14137" max="14137" width="11.83203125" style="43" customWidth="1"/>
    <col min="14138" max="14138" width="4.33203125" style="43" customWidth="1"/>
    <col min="14139" max="14139" width="11.83203125" style="43" customWidth="1"/>
    <col min="14140" max="14140" width="4.33203125" style="43" customWidth="1"/>
    <col min="14141" max="14141" width="11.83203125" style="43" customWidth="1"/>
    <col min="14142" max="14142" width="4.33203125" style="43" customWidth="1"/>
    <col min="14143" max="14143" width="11.83203125" style="43" customWidth="1"/>
    <col min="14144" max="14144" width="4.33203125" style="43" customWidth="1"/>
    <col min="14145" max="14145" width="11.83203125" style="43" customWidth="1"/>
    <col min="14146" max="14146" width="4.33203125" style="43" customWidth="1"/>
    <col min="14147" max="14147" width="11.83203125" style="43" customWidth="1"/>
    <col min="14148" max="14148" width="4.33203125" style="43" customWidth="1"/>
    <col min="14149" max="14149" width="11.83203125" style="43" customWidth="1"/>
    <col min="14150" max="14150" width="4.33203125" style="43" customWidth="1"/>
    <col min="14151" max="14151" width="11.83203125" style="43" customWidth="1"/>
    <col min="14152" max="14152" width="4.33203125" style="43" customWidth="1"/>
    <col min="14153" max="14153" width="11.83203125" style="43" customWidth="1"/>
    <col min="14154" max="14244" width="5.33203125" style="43" customWidth="1"/>
    <col min="14245" max="14250" width="1.33203125" style="43" customWidth="1"/>
    <col min="14251" max="14251" width="8.08203125" style="43" customWidth="1"/>
    <col min="14252" max="14252" width="4.33203125" style="43" customWidth="1"/>
    <col min="14253" max="14253" width="11.83203125" style="43" customWidth="1"/>
    <col min="14254" max="14254" width="4.33203125" style="43" customWidth="1"/>
    <col min="14255" max="14255" width="11.83203125" style="43" customWidth="1"/>
    <col min="14256" max="14256" width="4.33203125" style="43" customWidth="1"/>
    <col min="14257" max="14257" width="11.83203125" style="43" customWidth="1"/>
    <col min="14258" max="14258" width="4.33203125" style="43" customWidth="1"/>
    <col min="14259" max="14259" width="11.83203125" style="43" customWidth="1"/>
    <col min="14260" max="14260" width="4.33203125" style="43" customWidth="1"/>
    <col min="14261" max="14261" width="11.83203125" style="43" customWidth="1"/>
    <col min="14262" max="14262" width="4.33203125" style="43" customWidth="1"/>
    <col min="14263" max="14263" width="11.83203125" style="43" customWidth="1"/>
    <col min="14264" max="14264" width="4.33203125" style="43" customWidth="1"/>
    <col min="14265" max="14265" width="11.83203125" style="43" customWidth="1"/>
    <col min="14266" max="14266" width="4.33203125" style="43" customWidth="1"/>
    <col min="14267" max="14267" width="11.83203125" style="43" customWidth="1"/>
    <col min="14268" max="14268" width="4.33203125" style="43" customWidth="1"/>
    <col min="14269" max="14269" width="11.83203125" style="43" customWidth="1"/>
    <col min="14270" max="14270" width="4.33203125" style="43" customWidth="1"/>
    <col min="14271" max="14271" width="11.83203125" style="43" customWidth="1"/>
    <col min="14272" max="14272" width="4.33203125" style="43" customWidth="1"/>
    <col min="14273" max="14273" width="11.83203125" style="43" customWidth="1"/>
    <col min="14274" max="14274" width="4.33203125" style="43" customWidth="1"/>
    <col min="14275" max="14275" width="11.83203125" style="43" customWidth="1"/>
    <col min="14276" max="14276" width="4.33203125" style="43" customWidth="1"/>
    <col min="14277" max="14277" width="11.83203125" style="43" customWidth="1"/>
    <col min="14278" max="14278" width="4.33203125" style="43" customWidth="1"/>
    <col min="14279" max="14279" width="11.83203125" style="43" customWidth="1"/>
    <col min="14280" max="14280" width="4.33203125" style="43" customWidth="1"/>
    <col min="14281" max="14281" width="11.83203125" style="43" customWidth="1"/>
    <col min="14282" max="14282" width="4.33203125" style="43" customWidth="1"/>
    <col min="14283" max="14283" width="11.83203125" style="43" customWidth="1"/>
    <col min="14284" max="14284" width="4.33203125" style="43" customWidth="1"/>
    <col min="14285" max="14285" width="11.83203125" style="43" customWidth="1"/>
    <col min="14286" max="14286" width="4.33203125" style="43" customWidth="1"/>
    <col min="14287" max="14288" width="4.33203125" style="43"/>
    <col min="14289" max="14292" width="1.33203125" style="43" customWidth="1"/>
    <col min="14293" max="14293" width="8.08203125" style="43" customWidth="1"/>
    <col min="14294" max="14294" width="4.33203125" style="43" customWidth="1"/>
    <col min="14295" max="14295" width="11.83203125" style="43" customWidth="1"/>
    <col min="14296" max="14296" width="4.33203125" style="43" customWidth="1"/>
    <col min="14297" max="14297" width="11.83203125" style="43" customWidth="1"/>
    <col min="14298" max="14298" width="4.33203125" style="43" customWidth="1"/>
    <col min="14299" max="14299" width="11.83203125" style="43" customWidth="1"/>
    <col min="14300" max="14300" width="4.33203125" style="43" customWidth="1"/>
    <col min="14301" max="14301" width="11.83203125" style="43" customWidth="1"/>
    <col min="14302" max="14302" width="4.33203125" style="43" customWidth="1"/>
    <col min="14303" max="14303" width="11.83203125" style="43" customWidth="1"/>
    <col min="14304" max="14304" width="4.33203125" style="43" customWidth="1"/>
    <col min="14305" max="14305" width="11.83203125" style="43" customWidth="1"/>
    <col min="14306" max="14306" width="4.33203125" style="43" customWidth="1"/>
    <col min="14307" max="14307" width="11.83203125" style="43" customWidth="1"/>
    <col min="14308" max="14308" width="4.33203125" style="43" customWidth="1"/>
    <col min="14309" max="14309" width="11.83203125" style="43" customWidth="1"/>
    <col min="14310" max="14310" width="4.33203125" style="43" customWidth="1"/>
    <col min="14311" max="14311" width="11.83203125" style="43" customWidth="1"/>
    <col min="14312" max="14312" width="4.33203125" style="43" customWidth="1"/>
    <col min="14313" max="14313" width="11.83203125" style="43" customWidth="1"/>
    <col min="14314" max="14314" width="4.33203125" style="43" customWidth="1"/>
    <col min="14315" max="14315" width="11.83203125" style="43" customWidth="1"/>
    <col min="14316" max="14316" width="4.33203125" style="43" customWidth="1"/>
    <col min="14317" max="14317" width="11.83203125" style="43" customWidth="1"/>
    <col min="14318" max="14318" width="4.33203125" style="43" customWidth="1"/>
    <col min="14319" max="14319" width="11.83203125" style="43" customWidth="1"/>
    <col min="14320" max="14320" width="4.33203125" style="43" customWidth="1"/>
    <col min="14321" max="14321" width="11.83203125" style="43" customWidth="1"/>
    <col min="14322" max="14322" width="4.33203125" style="43" customWidth="1"/>
    <col min="14323" max="14323" width="11.83203125" style="43" customWidth="1"/>
    <col min="14324" max="14324" width="4.33203125" style="43" customWidth="1"/>
    <col min="14325" max="14325" width="11.83203125" style="43" customWidth="1"/>
    <col min="14326" max="14326" width="4.33203125" style="43" customWidth="1"/>
    <col min="14327" max="14327" width="11.83203125" style="43" customWidth="1"/>
    <col min="14328" max="14328" width="4.33203125" style="43" customWidth="1"/>
    <col min="14329" max="14329" width="11.83203125" style="43" customWidth="1"/>
    <col min="14330" max="14330" width="4.33203125" style="43" customWidth="1"/>
    <col min="14331" max="14331" width="11.83203125" style="43" customWidth="1"/>
    <col min="14332" max="14332" width="4.33203125" style="43" customWidth="1"/>
    <col min="14333" max="14333" width="11.83203125" style="43" customWidth="1"/>
    <col min="14334" max="14334" width="4.33203125" style="43" customWidth="1"/>
    <col min="14335" max="14335" width="11.83203125" style="43" customWidth="1"/>
    <col min="14336" max="14336" width="4.33203125" style="43"/>
    <col min="14337" max="14337" width="11.83203125" style="43" customWidth="1"/>
    <col min="14338" max="14338" width="4.33203125" style="43" customWidth="1"/>
    <col min="14339" max="14339" width="11.83203125" style="43" customWidth="1"/>
    <col min="14340" max="14340" width="4.33203125" style="43" customWidth="1"/>
    <col min="14341" max="14341" width="11.83203125" style="43" customWidth="1"/>
    <col min="14342" max="14342" width="4.33203125" style="43" customWidth="1"/>
    <col min="14343" max="14343" width="11.83203125" style="43" customWidth="1"/>
    <col min="14344" max="14344" width="4.33203125" style="43" customWidth="1"/>
    <col min="14345" max="14345" width="11.83203125" style="43" customWidth="1"/>
    <col min="14346" max="14346" width="4.33203125" style="43" customWidth="1"/>
    <col min="14347" max="14347" width="11.83203125" style="43" customWidth="1"/>
    <col min="14348" max="14348" width="4.33203125" style="43" customWidth="1"/>
    <col min="14349" max="14349" width="11.83203125" style="43" customWidth="1"/>
    <col min="14350" max="14350" width="4.33203125" style="43" customWidth="1"/>
    <col min="14351" max="14351" width="11.83203125" style="43" customWidth="1"/>
    <col min="14352" max="14352" width="4.33203125" style="43" customWidth="1"/>
    <col min="14353" max="14353" width="11.83203125" style="43" customWidth="1"/>
    <col min="14354" max="14354" width="4.33203125" style="43" customWidth="1"/>
    <col min="14355" max="14355" width="11.83203125" style="43" customWidth="1"/>
    <col min="14356" max="14356" width="4.33203125" style="43" customWidth="1"/>
    <col min="14357" max="14357" width="11.83203125" style="43" customWidth="1"/>
    <col min="14358" max="14358" width="4.33203125" style="43" customWidth="1"/>
    <col min="14359" max="14359" width="11.83203125" style="43" customWidth="1"/>
    <col min="14360" max="14360" width="4.33203125" style="43" customWidth="1"/>
    <col min="14361" max="14361" width="11.83203125" style="43" customWidth="1"/>
    <col min="14362" max="14362" width="4.33203125" style="43" customWidth="1"/>
    <col min="14363" max="14363" width="11.83203125" style="43" customWidth="1"/>
    <col min="14364" max="14364" width="4.33203125" style="43" customWidth="1"/>
    <col min="14365" max="14365" width="11.83203125" style="43" customWidth="1"/>
    <col min="14366" max="14366" width="4.33203125" style="43" customWidth="1"/>
    <col min="14367" max="14367" width="11.83203125" style="43" customWidth="1"/>
    <col min="14368" max="14368" width="4.33203125" style="43" customWidth="1"/>
    <col min="14369" max="14369" width="11.83203125" style="43" customWidth="1"/>
    <col min="14370" max="14370" width="4.33203125" style="43" customWidth="1"/>
    <col min="14371" max="14371" width="11.83203125" style="43" customWidth="1"/>
    <col min="14372" max="14372" width="4.33203125" style="43" customWidth="1"/>
    <col min="14373" max="14373" width="11.83203125" style="43" customWidth="1"/>
    <col min="14374" max="14374" width="4.33203125" style="43" customWidth="1"/>
    <col min="14375" max="14375" width="11.83203125" style="43" customWidth="1"/>
    <col min="14376" max="14376" width="4.33203125" style="43" customWidth="1"/>
    <col min="14377" max="14377" width="11.83203125" style="43" customWidth="1"/>
    <col min="14378" max="14378" width="4.33203125" style="43" customWidth="1"/>
    <col min="14379" max="14379" width="11.83203125" style="43" customWidth="1"/>
    <col min="14380" max="14380" width="4.33203125" style="43" customWidth="1"/>
    <col min="14381" max="14381" width="11.83203125" style="43" customWidth="1"/>
    <col min="14382" max="14382" width="4.33203125" style="43" customWidth="1"/>
    <col min="14383" max="14383" width="11.83203125" style="43" customWidth="1"/>
    <col min="14384" max="14384" width="4.33203125" style="43" customWidth="1"/>
    <col min="14385" max="14385" width="11.83203125" style="43" customWidth="1"/>
    <col min="14386" max="14386" width="4.33203125" style="43" customWidth="1"/>
    <col min="14387" max="14387" width="11.83203125" style="43" customWidth="1"/>
    <col min="14388" max="14388" width="4.33203125" style="43" customWidth="1"/>
    <col min="14389" max="14389" width="11.83203125" style="43" customWidth="1"/>
    <col min="14390" max="14390" width="4.33203125" style="43" customWidth="1"/>
    <col min="14391" max="14391" width="11.83203125" style="43" customWidth="1"/>
    <col min="14392" max="14392" width="4.33203125" style="43" customWidth="1"/>
    <col min="14393" max="14393" width="11.83203125" style="43" customWidth="1"/>
    <col min="14394" max="14394" width="4.33203125" style="43" customWidth="1"/>
    <col min="14395" max="14395" width="11.83203125" style="43" customWidth="1"/>
    <col min="14396" max="14396" width="4.33203125" style="43" customWidth="1"/>
    <col min="14397" max="14397" width="11.83203125" style="43" customWidth="1"/>
    <col min="14398" max="14398" width="4.33203125" style="43" customWidth="1"/>
    <col min="14399" max="14399" width="11.83203125" style="43" customWidth="1"/>
    <col min="14400" max="14400" width="4.33203125" style="43" customWidth="1"/>
    <col min="14401" max="14401" width="11.83203125" style="43" customWidth="1"/>
    <col min="14402" max="14402" width="4.33203125" style="43" customWidth="1"/>
    <col min="14403" max="14403" width="11.83203125" style="43" customWidth="1"/>
    <col min="14404" max="14404" width="4.33203125" style="43" customWidth="1"/>
    <col min="14405" max="14405" width="11.83203125" style="43" customWidth="1"/>
    <col min="14406" max="14406" width="4.33203125" style="43" customWidth="1"/>
    <col min="14407" max="14407" width="11.83203125" style="43" customWidth="1"/>
    <col min="14408" max="14408" width="4.33203125" style="43" customWidth="1"/>
    <col min="14409" max="14409" width="11.83203125" style="43" customWidth="1"/>
    <col min="14410" max="14500" width="5.33203125" style="43" customWidth="1"/>
    <col min="14501" max="14506" width="1.33203125" style="43" customWidth="1"/>
    <col min="14507" max="14507" width="8.08203125" style="43" customWidth="1"/>
    <col min="14508" max="14508" width="4.33203125" style="43" customWidth="1"/>
    <col min="14509" max="14509" width="11.83203125" style="43" customWidth="1"/>
    <col min="14510" max="14510" width="4.33203125" style="43" customWidth="1"/>
    <col min="14511" max="14511" width="11.83203125" style="43" customWidth="1"/>
    <col min="14512" max="14512" width="4.33203125" style="43" customWidth="1"/>
    <col min="14513" max="14513" width="11.83203125" style="43" customWidth="1"/>
    <col min="14514" max="14514" width="4.33203125" style="43" customWidth="1"/>
    <col min="14515" max="14515" width="11.83203125" style="43" customWidth="1"/>
    <col min="14516" max="14516" width="4.33203125" style="43" customWidth="1"/>
    <col min="14517" max="14517" width="11.83203125" style="43" customWidth="1"/>
    <col min="14518" max="14518" width="4.33203125" style="43" customWidth="1"/>
    <col min="14519" max="14519" width="11.83203125" style="43" customWidth="1"/>
    <col min="14520" max="14520" width="4.33203125" style="43" customWidth="1"/>
    <col min="14521" max="14521" width="11.83203125" style="43" customWidth="1"/>
    <col min="14522" max="14522" width="4.33203125" style="43" customWidth="1"/>
    <col min="14523" max="14523" width="11.83203125" style="43" customWidth="1"/>
    <col min="14524" max="14524" width="4.33203125" style="43" customWidth="1"/>
    <col min="14525" max="14525" width="11.83203125" style="43" customWidth="1"/>
    <col min="14526" max="14526" width="4.33203125" style="43" customWidth="1"/>
    <col min="14527" max="14527" width="11.83203125" style="43" customWidth="1"/>
    <col min="14528" max="14528" width="4.33203125" style="43" customWidth="1"/>
    <col min="14529" max="14529" width="11.83203125" style="43" customWidth="1"/>
    <col min="14530" max="14530" width="4.33203125" style="43" customWidth="1"/>
    <col min="14531" max="14531" width="11.83203125" style="43" customWidth="1"/>
    <col min="14532" max="14532" width="4.33203125" style="43" customWidth="1"/>
    <col min="14533" max="14533" width="11.83203125" style="43" customWidth="1"/>
    <col min="14534" max="14534" width="4.33203125" style="43" customWidth="1"/>
    <col min="14535" max="14535" width="11.83203125" style="43" customWidth="1"/>
    <col min="14536" max="14536" width="4.33203125" style="43" customWidth="1"/>
    <col min="14537" max="14537" width="11.83203125" style="43" customWidth="1"/>
    <col min="14538" max="14538" width="4.33203125" style="43" customWidth="1"/>
    <col min="14539" max="14539" width="11.83203125" style="43" customWidth="1"/>
    <col min="14540" max="14540" width="4.33203125" style="43" customWidth="1"/>
    <col min="14541" max="14541" width="11.83203125" style="43" customWidth="1"/>
    <col min="14542" max="14542" width="4.33203125" style="43" customWidth="1"/>
    <col min="14543" max="14544" width="4.33203125" style="43"/>
    <col min="14545" max="14548" width="1.33203125" style="43" customWidth="1"/>
    <col min="14549" max="14549" width="8.08203125" style="43" customWidth="1"/>
    <col min="14550" max="14550" width="4.33203125" style="43" customWidth="1"/>
    <col min="14551" max="14551" width="11.83203125" style="43" customWidth="1"/>
    <col min="14552" max="14552" width="4.33203125" style="43" customWidth="1"/>
    <col min="14553" max="14553" width="11.83203125" style="43" customWidth="1"/>
    <col min="14554" max="14554" width="4.33203125" style="43" customWidth="1"/>
    <col min="14555" max="14555" width="11.83203125" style="43" customWidth="1"/>
    <col min="14556" max="14556" width="4.33203125" style="43" customWidth="1"/>
    <col min="14557" max="14557" width="11.83203125" style="43" customWidth="1"/>
    <col min="14558" max="14558" width="4.33203125" style="43" customWidth="1"/>
    <col min="14559" max="14559" width="11.83203125" style="43" customWidth="1"/>
    <col min="14560" max="14560" width="4.33203125" style="43" customWidth="1"/>
    <col min="14561" max="14561" width="11.83203125" style="43" customWidth="1"/>
    <col min="14562" max="14562" width="4.33203125" style="43" customWidth="1"/>
    <col min="14563" max="14563" width="11.83203125" style="43" customWidth="1"/>
    <col min="14564" max="14564" width="4.33203125" style="43" customWidth="1"/>
    <col min="14565" max="14565" width="11.83203125" style="43" customWidth="1"/>
    <col min="14566" max="14566" width="4.33203125" style="43" customWidth="1"/>
    <col min="14567" max="14567" width="11.83203125" style="43" customWidth="1"/>
    <col min="14568" max="14568" width="4.33203125" style="43" customWidth="1"/>
    <col min="14569" max="14569" width="11.83203125" style="43" customWidth="1"/>
    <col min="14570" max="14570" width="4.33203125" style="43" customWidth="1"/>
    <col min="14571" max="14571" width="11.83203125" style="43" customWidth="1"/>
    <col min="14572" max="14572" width="4.33203125" style="43" customWidth="1"/>
    <col min="14573" max="14573" width="11.83203125" style="43" customWidth="1"/>
    <col min="14574" max="14574" width="4.33203125" style="43" customWidth="1"/>
    <col min="14575" max="14575" width="11.83203125" style="43" customWidth="1"/>
    <col min="14576" max="14576" width="4.33203125" style="43" customWidth="1"/>
    <col min="14577" max="14577" width="11.83203125" style="43" customWidth="1"/>
    <col min="14578" max="14578" width="4.33203125" style="43" customWidth="1"/>
    <col min="14579" max="14579" width="11.83203125" style="43" customWidth="1"/>
    <col min="14580" max="14580" width="4.33203125" style="43" customWidth="1"/>
    <col min="14581" max="14581" width="11.83203125" style="43" customWidth="1"/>
    <col min="14582" max="14582" width="4.33203125" style="43" customWidth="1"/>
    <col min="14583" max="14583" width="11.83203125" style="43" customWidth="1"/>
    <col min="14584" max="14584" width="4.33203125" style="43" customWidth="1"/>
    <col min="14585" max="14585" width="11.83203125" style="43" customWidth="1"/>
    <col min="14586" max="14586" width="4.33203125" style="43" customWidth="1"/>
    <col min="14587" max="14587" width="11.83203125" style="43" customWidth="1"/>
    <col min="14588" max="14588" width="4.33203125" style="43" customWidth="1"/>
    <col min="14589" max="14589" width="11.83203125" style="43" customWidth="1"/>
    <col min="14590" max="14590" width="4.33203125" style="43" customWidth="1"/>
    <col min="14591" max="14591" width="11.83203125" style="43" customWidth="1"/>
    <col min="14592" max="14592" width="4.33203125" style="43"/>
    <col min="14593" max="14593" width="11.83203125" style="43" customWidth="1"/>
    <col min="14594" max="14594" width="4.33203125" style="43" customWidth="1"/>
    <col min="14595" max="14595" width="11.83203125" style="43" customWidth="1"/>
    <col min="14596" max="14596" width="4.33203125" style="43" customWidth="1"/>
    <col min="14597" max="14597" width="11.83203125" style="43" customWidth="1"/>
    <col min="14598" max="14598" width="4.33203125" style="43" customWidth="1"/>
    <col min="14599" max="14599" width="11.83203125" style="43" customWidth="1"/>
    <col min="14600" max="14600" width="4.33203125" style="43" customWidth="1"/>
    <col min="14601" max="14601" width="11.83203125" style="43" customWidth="1"/>
    <col min="14602" max="14602" width="4.33203125" style="43" customWidth="1"/>
    <col min="14603" max="14603" width="11.83203125" style="43" customWidth="1"/>
    <col min="14604" max="14604" width="4.33203125" style="43" customWidth="1"/>
    <col min="14605" max="14605" width="11.83203125" style="43" customWidth="1"/>
    <col min="14606" max="14606" width="4.33203125" style="43" customWidth="1"/>
    <col min="14607" max="14607" width="11.83203125" style="43" customWidth="1"/>
    <col min="14608" max="14608" width="4.33203125" style="43" customWidth="1"/>
    <col min="14609" max="14609" width="11.83203125" style="43" customWidth="1"/>
    <col min="14610" max="14610" width="4.33203125" style="43" customWidth="1"/>
    <col min="14611" max="14611" width="11.83203125" style="43" customWidth="1"/>
    <col min="14612" max="14612" width="4.33203125" style="43" customWidth="1"/>
    <col min="14613" max="14613" width="11.83203125" style="43" customWidth="1"/>
    <col min="14614" max="14614" width="4.33203125" style="43" customWidth="1"/>
    <col min="14615" max="14615" width="11.83203125" style="43" customWidth="1"/>
    <col min="14616" max="14616" width="4.33203125" style="43" customWidth="1"/>
    <col min="14617" max="14617" width="11.83203125" style="43" customWidth="1"/>
    <col min="14618" max="14618" width="4.33203125" style="43" customWidth="1"/>
    <col min="14619" max="14619" width="11.83203125" style="43" customWidth="1"/>
    <col min="14620" max="14620" width="4.33203125" style="43" customWidth="1"/>
    <col min="14621" max="14621" width="11.83203125" style="43" customWidth="1"/>
    <col min="14622" max="14622" width="4.33203125" style="43" customWidth="1"/>
    <col min="14623" max="14623" width="11.83203125" style="43" customWidth="1"/>
    <col min="14624" max="14624" width="4.33203125" style="43" customWidth="1"/>
    <col min="14625" max="14625" width="11.83203125" style="43" customWidth="1"/>
    <col min="14626" max="14626" width="4.33203125" style="43" customWidth="1"/>
    <col min="14627" max="14627" width="11.83203125" style="43" customWidth="1"/>
    <col min="14628" max="14628" width="4.33203125" style="43" customWidth="1"/>
    <col min="14629" max="14629" width="11.83203125" style="43" customWidth="1"/>
    <col min="14630" max="14630" width="4.33203125" style="43" customWidth="1"/>
    <col min="14631" max="14631" width="11.83203125" style="43" customWidth="1"/>
    <col min="14632" max="14632" width="4.33203125" style="43" customWidth="1"/>
    <col min="14633" max="14633" width="11.83203125" style="43" customWidth="1"/>
    <col min="14634" max="14634" width="4.33203125" style="43" customWidth="1"/>
    <col min="14635" max="14635" width="11.83203125" style="43" customWidth="1"/>
    <col min="14636" max="14636" width="4.33203125" style="43" customWidth="1"/>
    <col min="14637" max="14637" width="11.83203125" style="43" customWidth="1"/>
    <col min="14638" max="14638" width="4.33203125" style="43" customWidth="1"/>
    <col min="14639" max="14639" width="11.83203125" style="43" customWidth="1"/>
    <col min="14640" max="14640" width="4.33203125" style="43" customWidth="1"/>
    <col min="14641" max="14641" width="11.83203125" style="43" customWidth="1"/>
    <col min="14642" max="14642" width="4.33203125" style="43" customWidth="1"/>
    <col min="14643" max="14643" width="11.83203125" style="43" customWidth="1"/>
    <col min="14644" max="14644" width="4.33203125" style="43" customWidth="1"/>
    <col min="14645" max="14645" width="11.83203125" style="43" customWidth="1"/>
    <col min="14646" max="14646" width="4.33203125" style="43" customWidth="1"/>
    <col min="14647" max="14647" width="11.83203125" style="43" customWidth="1"/>
    <col min="14648" max="14648" width="4.33203125" style="43" customWidth="1"/>
    <col min="14649" max="14649" width="11.83203125" style="43" customWidth="1"/>
    <col min="14650" max="14650" width="4.33203125" style="43" customWidth="1"/>
    <col min="14651" max="14651" width="11.83203125" style="43" customWidth="1"/>
    <col min="14652" max="14652" width="4.33203125" style="43" customWidth="1"/>
    <col min="14653" max="14653" width="11.83203125" style="43" customWidth="1"/>
    <col min="14654" max="14654" width="4.33203125" style="43" customWidth="1"/>
    <col min="14655" max="14655" width="11.83203125" style="43" customWidth="1"/>
    <col min="14656" max="14656" width="4.33203125" style="43" customWidth="1"/>
    <col min="14657" max="14657" width="11.83203125" style="43" customWidth="1"/>
    <col min="14658" max="14658" width="4.33203125" style="43" customWidth="1"/>
    <col min="14659" max="14659" width="11.83203125" style="43" customWidth="1"/>
    <col min="14660" max="14660" width="4.33203125" style="43" customWidth="1"/>
    <col min="14661" max="14661" width="11.83203125" style="43" customWidth="1"/>
    <col min="14662" max="14662" width="4.33203125" style="43" customWidth="1"/>
    <col min="14663" max="14663" width="11.83203125" style="43" customWidth="1"/>
    <col min="14664" max="14664" width="4.33203125" style="43" customWidth="1"/>
    <col min="14665" max="14665" width="11.83203125" style="43" customWidth="1"/>
    <col min="14666" max="14756" width="5.33203125" style="43" customWidth="1"/>
    <col min="14757" max="14762" width="1.33203125" style="43" customWidth="1"/>
    <col min="14763" max="14763" width="8.08203125" style="43" customWidth="1"/>
    <col min="14764" max="14764" width="4.33203125" style="43" customWidth="1"/>
    <col min="14765" max="14765" width="11.83203125" style="43" customWidth="1"/>
    <col min="14766" max="14766" width="4.33203125" style="43" customWidth="1"/>
    <col min="14767" max="14767" width="11.83203125" style="43" customWidth="1"/>
    <col min="14768" max="14768" width="4.33203125" style="43" customWidth="1"/>
    <col min="14769" max="14769" width="11.83203125" style="43" customWidth="1"/>
    <col min="14770" max="14770" width="4.33203125" style="43" customWidth="1"/>
    <col min="14771" max="14771" width="11.83203125" style="43" customWidth="1"/>
    <col min="14772" max="14772" width="4.33203125" style="43" customWidth="1"/>
    <col min="14773" max="14773" width="11.83203125" style="43" customWidth="1"/>
    <col min="14774" max="14774" width="4.33203125" style="43" customWidth="1"/>
    <col min="14775" max="14775" width="11.83203125" style="43" customWidth="1"/>
    <col min="14776" max="14776" width="4.33203125" style="43" customWidth="1"/>
    <col min="14777" max="14777" width="11.83203125" style="43" customWidth="1"/>
    <col min="14778" max="14778" width="4.33203125" style="43" customWidth="1"/>
    <col min="14779" max="14779" width="11.83203125" style="43" customWidth="1"/>
    <col min="14780" max="14780" width="4.33203125" style="43" customWidth="1"/>
    <col min="14781" max="14781" width="11.83203125" style="43" customWidth="1"/>
    <col min="14782" max="14782" width="4.33203125" style="43" customWidth="1"/>
    <col min="14783" max="14783" width="11.83203125" style="43" customWidth="1"/>
    <col min="14784" max="14784" width="4.33203125" style="43" customWidth="1"/>
    <col min="14785" max="14785" width="11.83203125" style="43" customWidth="1"/>
    <col min="14786" max="14786" width="4.33203125" style="43" customWidth="1"/>
    <col min="14787" max="14787" width="11.83203125" style="43" customWidth="1"/>
    <col min="14788" max="14788" width="4.33203125" style="43" customWidth="1"/>
    <col min="14789" max="14789" width="11.83203125" style="43" customWidth="1"/>
    <col min="14790" max="14790" width="4.33203125" style="43" customWidth="1"/>
    <col min="14791" max="14791" width="11.83203125" style="43" customWidth="1"/>
    <col min="14792" max="14792" width="4.33203125" style="43" customWidth="1"/>
    <col min="14793" max="14793" width="11.83203125" style="43" customWidth="1"/>
    <col min="14794" max="14794" width="4.33203125" style="43" customWidth="1"/>
    <col min="14795" max="14795" width="11.83203125" style="43" customWidth="1"/>
    <col min="14796" max="14796" width="4.33203125" style="43" customWidth="1"/>
    <col min="14797" max="14797" width="11.83203125" style="43" customWidth="1"/>
    <col min="14798" max="14798" width="4.33203125" style="43" customWidth="1"/>
    <col min="14799" max="14800" width="4.33203125" style="43"/>
    <col min="14801" max="14804" width="1.33203125" style="43" customWidth="1"/>
    <col min="14805" max="14805" width="8.08203125" style="43" customWidth="1"/>
    <col min="14806" max="14806" width="4.33203125" style="43" customWidth="1"/>
    <col min="14807" max="14807" width="11.83203125" style="43" customWidth="1"/>
    <col min="14808" max="14808" width="4.33203125" style="43" customWidth="1"/>
    <col min="14809" max="14809" width="11.83203125" style="43" customWidth="1"/>
    <col min="14810" max="14810" width="4.33203125" style="43" customWidth="1"/>
    <col min="14811" max="14811" width="11.83203125" style="43" customWidth="1"/>
    <col min="14812" max="14812" width="4.33203125" style="43" customWidth="1"/>
    <col min="14813" max="14813" width="11.83203125" style="43" customWidth="1"/>
    <col min="14814" max="14814" width="4.33203125" style="43" customWidth="1"/>
    <col min="14815" max="14815" width="11.83203125" style="43" customWidth="1"/>
    <col min="14816" max="14816" width="4.33203125" style="43" customWidth="1"/>
    <col min="14817" max="14817" width="11.83203125" style="43" customWidth="1"/>
    <col min="14818" max="14818" width="4.33203125" style="43" customWidth="1"/>
    <col min="14819" max="14819" width="11.83203125" style="43" customWidth="1"/>
    <col min="14820" max="14820" width="4.33203125" style="43" customWidth="1"/>
    <col min="14821" max="14821" width="11.83203125" style="43" customWidth="1"/>
    <col min="14822" max="14822" width="4.33203125" style="43" customWidth="1"/>
    <col min="14823" max="14823" width="11.83203125" style="43" customWidth="1"/>
    <col min="14824" max="14824" width="4.33203125" style="43" customWidth="1"/>
    <col min="14825" max="14825" width="11.83203125" style="43" customWidth="1"/>
    <col min="14826" max="14826" width="4.33203125" style="43" customWidth="1"/>
    <col min="14827" max="14827" width="11.83203125" style="43" customWidth="1"/>
    <col min="14828" max="14828" width="4.33203125" style="43" customWidth="1"/>
    <col min="14829" max="14829" width="11.83203125" style="43" customWidth="1"/>
    <col min="14830" max="14830" width="4.33203125" style="43" customWidth="1"/>
    <col min="14831" max="14831" width="11.83203125" style="43" customWidth="1"/>
    <col min="14832" max="14832" width="4.33203125" style="43" customWidth="1"/>
    <col min="14833" max="14833" width="11.83203125" style="43" customWidth="1"/>
    <col min="14834" max="14834" width="4.33203125" style="43" customWidth="1"/>
    <col min="14835" max="14835" width="11.83203125" style="43" customWidth="1"/>
    <col min="14836" max="14836" width="4.33203125" style="43" customWidth="1"/>
    <col min="14837" max="14837" width="11.83203125" style="43" customWidth="1"/>
    <col min="14838" max="14838" width="4.33203125" style="43" customWidth="1"/>
    <col min="14839" max="14839" width="11.83203125" style="43" customWidth="1"/>
    <col min="14840" max="14840" width="4.33203125" style="43" customWidth="1"/>
    <col min="14841" max="14841" width="11.83203125" style="43" customWidth="1"/>
    <col min="14842" max="14842" width="4.33203125" style="43" customWidth="1"/>
    <col min="14843" max="14843" width="11.83203125" style="43" customWidth="1"/>
    <col min="14844" max="14844" width="4.33203125" style="43" customWidth="1"/>
    <col min="14845" max="14845" width="11.83203125" style="43" customWidth="1"/>
    <col min="14846" max="14846" width="4.33203125" style="43" customWidth="1"/>
    <col min="14847" max="14847" width="11.83203125" style="43" customWidth="1"/>
    <col min="14848" max="14848" width="4.33203125" style="43"/>
    <col min="14849" max="14849" width="11.83203125" style="43" customWidth="1"/>
    <col min="14850" max="14850" width="4.33203125" style="43" customWidth="1"/>
    <col min="14851" max="14851" width="11.83203125" style="43" customWidth="1"/>
    <col min="14852" max="14852" width="4.33203125" style="43" customWidth="1"/>
    <col min="14853" max="14853" width="11.83203125" style="43" customWidth="1"/>
    <col min="14854" max="14854" width="4.33203125" style="43" customWidth="1"/>
    <col min="14855" max="14855" width="11.83203125" style="43" customWidth="1"/>
    <col min="14856" max="14856" width="4.33203125" style="43" customWidth="1"/>
    <col min="14857" max="14857" width="11.83203125" style="43" customWidth="1"/>
    <col min="14858" max="14858" width="4.33203125" style="43" customWidth="1"/>
    <col min="14859" max="14859" width="11.83203125" style="43" customWidth="1"/>
    <col min="14860" max="14860" width="4.33203125" style="43" customWidth="1"/>
    <col min="14861" max="14861" width="11.83203125" style="43" customWidth="1"/>
    <col min="14862" max="14862" width="4.33203125" style="43" customWidth="1"/>
    <col min="14863" max="14863" width="11.83203125" style="43" customWidth="1"/>
    <col min="14864" max="14864" width="4.33203125" style="43" customWidth="1"/>
    <col min="14865" max="14865" width="11.83203125" style="43" customWidth="1"/>
    <col min="14866" max="14866" width="4.33203125" style="43" customWidth="1"/>
    <col min="14867" max="14867" width="11.83203125" style="43" customWidth="1"/>
    <col min="14868" max="14868" width="4.33203125" style="43" customWidth="1"/>
    <col min="14869" max="14869" width="11.83203125" style="43" customWidth="1"/>
    <col min="14870" max="14870" width="4.33203125" style="43" customWidth="1"/>
    <col min="14871" max="14871" width="11.83203125" style="43" customWidth="1"/>
    <col min="14872" max="14872" width="4.33203125" style="43" customWidth="1"/>
    <col min="14873" max="14873" width="11.83203125" style="43" customWidth="1"/>
    <col min="14874" max="14874" width="4.33203125" style="43" customWidth="1"/>
    <col min="14875" max="14875" width="11.83203125" style="43" customWidth="1"/>
    <col min="14876" max="14876" width="4.33203125" style="43" customWidth="1"/>
    <col min="14877" max="14877" width="11.83203125" style="43" customWidth="1"/>
    <col min="14878" max="14878" width="4.33203125" style="43" customWidth="1"/>
    <col min="14879" max="14879" width="11.83203125" style="43" customWidth="1"/>
    <col min="14880" max="14880" width="4.33203125" style="43" customWidth="1"/>
    <col min="14881" max="14881" width="11.83203125" style="43" customWidth="1"/>
    <col min="14882" max="14882" width="4.33203125" style="43" customWidth="1"/>
    <col min="14883" max="14883" width="11.83203125" style="43" customWidth="1"/>
    <col min="14884" max="14884" width="4.33203125" style="43" customWidth="1"/>
    <col min="14885" max="14885" width="11.83203125" style="43" customWidth="1"/>
    <col min="14886" max="14886" width="4.33203125" style="43" customWidth="1"/>
    <col min="14887" max="14887" width="11.83203125" style="43" customWidth="1"/>
    <col min="14888" max="14888" width="4.33203125" style="43" customWidth="1"/>
    <col min="14889" max="14889" width="11.83203125" style="43" customWidth="1"/>
    <col min="14890" max="14890" width="4.33203125" style="43" customWidth="1"/>
    <col min="14891" max="14891" width="11.83203125" style="43" customWidth="1"/>
    <col min="14892" max="14892" width="4.33203125" style="43" customWidth="1"/>
    <col min="14893" max="14893" width="11.83203125" style="43" customWidth="1"/>
    <col min="14894" max="14894" width="4.33203125" style="43" customWidth="1"/>
    <col min="14895" max="14895" width="11.83203125" style="43" customWidth="1"/>
    <col min="14896" max="14896" width="4.33203125" style="43" customWidth="1"/>
    <col min="14897" max="14897" width="11.83203125" style="43" customWidth="1"/>
    <col min="14898" max="14898" width="4.33203125" style="43" customWidth="1"/>
    <col min="14899" max="14899" width="11.83203125" style="43" customWidth="1"/>
    <col min="14900" max="14900" width="4.33203125" style="43" customWidth="1"/>
    <col min="14901" max="14901" width="11.83203125" style="43" customWidth="1"/>
    <col min="14902" max="14902" width="4.33203125" style="43" customWidth="1"/>
    <col min="14903" max="14903" width="11.83203125" style="43" customWidth="1"/>
    <col min="14904" max="14904" width="4.33203125" style="43" customWidth="1"/>
    <col min="14905" max="14905" width="11.83203125" style="43" customWidth="1"/>
    <col min="14906" max="14906" width="4.33203125" style="43" customWidth="1"/>
    <col min="14907" max="14907" width="11.83203125" style="43" customWidth="1"/>
    <col min="14908" max="14908" width="4.33203125" style="43" customWidth="1"/>
    <col min="14909" max="14909" width="11.83203125" style="43" customWidth="1"/>
    <col min="14910" max="14910" width="4.33203125" style="43" customWidth="1"/>
    <col min="14911" max="14911" width="11.83203125" style="43" customWidth="1"/>
    <col min="14912" max="14912" width="4.33203125" style="43" customWidth="1"/>
    <col min="14913" max="14913" width="11.83203125" style="43" customWidth="1"/>
    <col min="14914" max="14914" width="4.33203125" style="43" customWidth="1"/>
    <col min="14915" max="14915" width="11.83203125" style="43" customWidth="1"/>
    <col min="14916" max="14916" width="4.33203125" style="43" customWidth="1"/>
    <col min="14917" max="14917" width="11.83203125" style="43" customWidth="1"/>
    <col min="14918" max="14918" width="4.33203125" style="43" customWidth="1"/>
    <col min="14919" max="14919" width="11.83203125" style="43" customWidth="1"/>
    <col min="14920" max="14920" width="4.33203125" style="43" customWidth="1"/>
    <col min="14921" max="14921" width="11.83203125" style="43" customWidth="1"/>
    <col min="14922" max="15012" width="5.33203125" style="43" customWidth="1"/>
    <col min="15013" max="15018" width="1.33203125" style="43" customWidth="1"/>
    <col min="15019" max="15019" width="8.08203125" style="43" customWidth="1"/>
    <col min="15020" max="15020" width="4.33203125" style="43" customWidth="1"/>
    <col min="15021" max="15021" width="11.83203125" style="43" customWidth="1"/>
    <col min="15022" max="15022" width="4.33203125" style="43" customWidth="1"/>
    <col min="15023" max="15023" width="11.83203125" style="43" customWidth="1"/>
    <col min="15024" max="15024" width="4.33203125" style="43" customWidth="1"/>
    <col min="15025" max="15025" width="11.83203125" style="43" customWidth="1"/>
    <col min="15026" max="15026" width="4.33203125" style="43" customWidth="1"/>
    <col min="15027" max="15027" width="11.83203125" style="43" customWidth="1"/>
    <col min="15028" max="15028" width="4.33203125" style="43" customWidth="1"/>
    <col min="15029" max="15029" width="11.83203125" style="43" customWidth="1"/>
    <col min="15030" max="15030" width="4.33203125" style="43" customWidth="1"/>
    <col min="15031" max="15031" width="11.83203125" style="43" customWidth="1"/>
    <col min="15032" max="15032" width="4.33203125" style="43" customWidth="1"/>
    <col min="15033" max="15033" width="11.83203125" style="43" customWidth="1"/>
    <col min="15034" max="15034" width="4.33203125" style="43" customWidth="1"/>
    <col min="15035" max="15035" width="11.83203125" style="43" customWidth="1"/>
    <col min="15036" max="15036" width="4.33203125" style="43" customWidth="1"/>
    <col min="15037" max="15037" width="11.83203125" style="43" customWidth="1"/>
    <col min="15038" max="15038" width="4.33203125" style="43" customWidth="1"/>
    <col min="15039" max="15039" width="11.83203125" style="43" customWidth="1"/>
    <col min="15040" max="15040" width="4.33203125" style="43" customWidth="1"/>
    <col min="15041" max="15041" width="11.83203125" style="43" customWidth="1"/>
    <col min="15042" max="15042" width="4.33203125" style="43" customWidth="1"/>
    <col min="15043" max="15043" width="11.83203125" style="43" customWidth="1"/>
    <col min="15044" max="15044" width="4.33203125" style="43" customWidth="1"/>
    <col min="15045" max="15045" width="11.83203125" style="43" customWidth="1"/>
    <col min="15046" max="15046" width="4.33203125" style="43" customWidth="1"/>
    <col min="15047" max="15047" width="11.83203125" style="43" customWidth="1"/>
    <col min="15048" max="15048" width="4.33203125" style="43" customWidth="1"/>
    <col min="15049" max="15049" width="11.83203125" style="43" customWidth="1"/>
    <col min="15050" max="15050" width="4.33203125" style="43" customWidth="1"/>
    <col min="15051" max="15051" width="11.83203125" style="43" customWidth="1"/>
    <col min="15052" max="15052" width="4.33203125" style="43" customWidth="1"/>
    <col min="15053" max="15053" width="11.83203125" style="43" customWidth="1"/>
    <col min="15054" max="15054" width="4.33203125" style="43" customWidth="1"/>
    <col min="15055" max="15056" width="4.33203125" style="43"/>
    <col min="15057" max="15060" width="1.33203125" style="43" customWidth="1"/>
    <col min="15061" max="15061" width="8.08203125" style="43" customWidth="1"/>
    <col min="15062" max="15062" width="4.33203125" style="43" customWidth="1"/>
    <col min="15063" max="15063" width="11.83203125" style="43" customWidth="1"/>
    <col min="15064" max="15064" width="4.33203125" style="43" customWidth="1"/>
    <col min="15065" max="15065" width="11.83203125" style="43" customWidth="1"/>
    <col min="15066" max="15066" width="4.33203125" style="43" customWidth="1"/>
    <col min="15067" max="15067" width="11.83203125" style="43" customWidth="1"/>
    <col min="15068" max="15068" width="4.33203125" style="43" customWidth="1"/>
    <col min="15069" max="15069" width="11.83203125" style="43" customWidth="1"/>
    <col min="15070" max="15070" width="4.33203125" style="43" customWidth="1"/>
    <col min="15071" max="15071" width="11.83203125" style="43" customWidth="1"/>
    <col min="15072" max="15072" width="4.33203125" style="43" customWidth="1"/>
    <col min="15073" max="15073" width="11.83203125" style="43" customWidth="1"/>
    <col min="15074" max="15074" width="4.33203125" style="43" customWidth="1"/>
    <col min="15075" max="15075" width="11.83203125" style="43" customWidth="1"/>
    <col min="15076" max="15076" width="4.33203125" style="43" customWidth="1"/>
    <col min="15077" max="15077" width="11.83203125" style="43" customWidth="1"/>
    <col min="15078" max="15078" width="4.33203125" style="43" customWidth="1"/>
    <col min="15079" max="15079" width="11.83203125" style="43" customWidth="1"/>
    <col min="15080" max="15080" width="4.33203125" style="43" customWidth="1"/>
    <col min="15081" max="15081" width="11.83203125" style="43" customWidth="1"/>
    <col min="15082" max="15082" width="4.33203125" style="43" customWidth="1"/>
    <col min="15083" max="15083" width="11.83203125" style="43" customWidth="1"/>
    <col min="15084" max="15084" width="4.33203125" style="43" customWidth="1"/>
    <col min="15085" max="15085" width="11.83203125" style="43" customWidth="1"/>
    <col min="15086" max="15086" width="4.33203125" style="43" customWidth="1"/>
    <col min="15087" max="15087" width="11.83203125" style="43" customWidth="1"/>
    <col min="15088" max="15088" width="4.33203125" style="43" customWidth="1"/>
    <col min="15089" max="15089" width="11.83203125" style="43" customWidth="1"/>
    <col min="15090" max="15090" width="4.33203125" style="43" customWidth="1"/>
    <col min="15091" max="15091" width="11.83203125" style="43" customWidth="1"/>
    <col min="15092" max="15092" width="4.33203125" style="43" customWidth="1"/>
    <col min="15093" max="15093" width="11.83203125" style="43" customWidth="1"/>
    <col min="15094" max="15094" width="4.33203125" style="43" customWidth="1"/>
    <col min="15095" max="15095" width="11.83203125" style="43" customWidth="1"/>
    <col min="15096" max="15096" width="4.33203125" style="43" customWidth="1"/>
    <col min="15097" max="15097" width="11.83203125" style="43" customWidth="1"/>
    <col min="15098" max="15098" width="4.33203125" style="43" customWidth="1"/>
    <col min="15099" max="15099" width="11.83203125" style="43" customWidth="1"/>
    <col min="15100" max="15100" width="4.33203125" style="43" customWidth="1"/>
    <col min="15101" max="15101" width="11.83203125" style="43" customWidth="1"/>
    <col min="15102" max="15102" width="4.33203125" style="43" customWidth="1"/>
    <col min="15103" max="15103" width="11.83203125" style="43" customWidth="1"/>
    <col min="15104" max="15104" width="4.33203125" style="43"/>
    <col min="15105" max="15105" width="11.83203125" style="43" customWidth="1"/>
    <col min="15106" max="15106" width="4.33203125" style="43" customWidth="1"/>
    <col min="15107" max="15107" width="11.83203125" style="43" customWidth="1"/>
    <col min="15108" max="15108" width="4.33203125" style="43" customWidth="1"/>
    <col min="15109" max="15109" width="11.83203125" style="43" customWidth="1"/>
    <col min="15110" max="15110" width="4.33203125" style="43" customWidth="1"/>
    <col min="15111" max="15111" width="11.83203125" style="43" customWidth="1"/>
    <col min="15112" max="15112" width="4.33203125" style="43" customWidth="1"/>
    <col min="15113" max="15113" width="11.83203125" style="43" customWidth="1"/>
    <col min="15114" max="15114" width="4.33203125" style="43" customWidth="1"/>
    <col min="15115" max="15115" width="11.83203125" style="43" customWidth="1"/>
    <col min="15116" max="15116" width="4.33203125" style="43" customWidth="1"/>
    <col min="15117" max="15117" width="11.83203125" style="43" customWidth="1"/>
    <col min="15118" max="15118" width="4.33203125" style="43" customWidth="1"/>
    <col min="15119" max="15119" width="11.83203125" style="43" customWidth="1"/>
    <col min="15120" max="15120" width="4.33203125" style="43" customWidth="1"/>
    <col min="15121" max="15121" width="11.83203125" style="43" customWidth="1"/>
    <col min="15122" max="15122" width="4.33203125" style="43" customWidth="1"/>
    <col min="15123" max="15123" width="11.83203125" style="43" customWidth="1"/>
    <col min="15124" max="15124" width="4.33203125" style="43" customWidth="1"/>
    <col min="15125" max="15125" width="11.83203125" style="43" customWidth="1"/>
    <col min="15126" max="15126" width="4.33203125" style="43" customWidth="1"/>
    <col min="15127" max="15127" width="11.83203125" style="43" customWidth="1"/>
    <col min="15128" max="15128" width="4.33203125" style="43" customWidth="1"/>
    <col min="15129" max="15129" width="11.83203125" style="43" customWidth="1"/>
    <col min="15130" max="15130" width="4.33203125" style="43" customWidth="1"/>
    <col min="15131" max="15131" width="11.83203125" style="43" customWidth="1"/>
    <col min="15132" max="15132" width="4.33203125" style="43" customWidth="1"/>
    <col min="15133" max="15133" width="11.83203125" style="43" customWidth="1"/>
    <col min="15134" max="15134" width="4.33203125" style="43" customWidth="1"/>
    <col min="15135" max="15135" width="11.83203125" style="43" customWidth="1"/>
    <col min="15136" max="15136" width="4.33203125" style="43" customWidth="1"/>
    <col min="15137" max="15137" width="11.83203125" style="43" customWidth="1"/>
    <col min="15138" max="15138" width="4.33203125" style="43" customWidth="1"/>
    <col min="15139" max="15139" width="11.83203125" style="43" customWidth="1"/>
    <col min="15140" max="15140" width="4.33203125" style="43" customWidth="1"/>
    <col min="15141" max="15141" width="11.83203125" style="43" customWidth="1"/>
    <col min="15142" max="15142" width="4.33203125" style="43" customWidth="1"/>
    <col min="15143" max="15143" width="11.83203125" style="43" customWidth="1"/>
    <col min="15144" max="15144" width="4.33203125" style="43" customWidth="1"/>
    <col min="15145" max="15145" width="11.83203125" style="43" customWidth="1"/>
    <col min="15146" max="15146" width="4.33203125" style="43" customWidth="1"/>
    <col min="15147" max="15147" width="11.83203125" style="43" customWidth="1"/>
    <col min="15148" max="15148" width="4.33203125" style="43" customWidth="1"/>
    <col min="15149" max="15149" width="11.83203125" style="43" customWidth="1"/>
    <col min="15150" max="15150" width="4.33203125" style="43" customWidth="1"/>
    <col min="15151" max="15151" width="11.83203125" style="43" customWidth="1"/>
    <col min="15152" max="15152" width="4.33203125" style="43" customWidth="1"/>
    <col min="15153" max="15153" width="11.83203125" style="43" customWidth="1"/>
    <col min="15154" max="15154" width="4.33203125" style="43" customWidth="1"/>
    <col min="15155" max="15155" width="11.83203125" style="43" customWidth="1"/>
    <col min="15156" max="15156" width="4.33203125" style="43" customWidth="1"/>
    <col min="15157" max="15157" width="11.83203125" style="43" customWidth="1"/>
    <col min="15158" max="15158" width="4.33203125" style="43" customWidth="1"/>
    <col min="15159" max="15159" width="11.83203125" style="43" customWidth="1"/>
    <col min="15160" max="15160" width="4.33203125" style="43" customWidth="1"/>
    <col min="15161" max="15161" width="11.83203125" style="43" customWidth="1"/>
    <col min="15162" max="15162" width="4.33203125" style="43" customWidth="1"/>
    <col min="15163" max="15163" width="11.83203125" style="43" customWidth="1"/>
    <col min="15164" max="15164" width="4.33203125" style="43" customWidth="1"/>
    <col min="15165" max="15165" width="11.83203125" style="43" customWidth="1"/>
    <col min="15166" max="15166" width="4.33203125" style="43" customWidth="1"/>
    <col min="15167" max="15167" width="11.83203125" style="43" customWidth="1"/>
    <col min="15168" max="15168" width="4.33203125" style="43" customWidth="1"/>
    <col min="15169" max="15169" width="11.83203125" style="43" customWidth="1"/>
    <col min="15170" max="15170" width="4.33203125" style="43" customWidth="1"/>
    <col min="15171" max="15171" width="11.83203125" style="43" customWidth="1"/>
    <col min="15172" max="15172" width="4.33203125" style="43" customWidth="1"/>
    <col min="15173" max="15173" width="11.83203125" style="43" customWidth="1"/>
    <col min="15174" max="15174" width="4.33203125" style="43" customWidth="1"/>
    <col min="15175" max="15175" width="11.83203125" style="43" customWidth="1"/>
    <col min="15176" max="15176" width="4.33203125" style="43" customWidth="1"/>
    <col min="15177" max="15177" width="11.83203125" style="43" customWidth="1"/>
    <col min="15178" max="15268" width="5.33203125" style="43" customWidth="1"/>
    <col min="15269" max="15274" width="1.33203125" style="43" customWidth="1"/>
    <col min="15275" max="15275" width="8.08203125" style="43" customWidth="1"/>
    <col min="15276" max="15276" width="4.33203125" style="43" customWidth="1"/>
    <col min="15277" max="15277" width="11.83203125" style="43" customWidth="1"/>
    <col min="15278" max="15278" width="4.33203125" style="43" customWidth="1"/>
    <col min="15279" max="15279" width="11.83203125" style="43" customWidth="1"/>
    <col min="15280" max="15280" width="4.33203125" style="43" customWidth="1"/>
    <col min="15281" max="15281" width="11.83203125" style="43" customWidth="1"/>
    <col min="15282" max="15282" width="4.33203125" style="43" customWidth="1"/>
    <col min="15283" max="15283" width="11.83203125" style="43" customWidth="1"/>
    <col min="15284" max="15284" width="4.33203125" style="43" customWidth="1"/>
    <col min="15285" max="15285" width="11.83203125" style="43" customWidth="1"/>
    <col min="15286" max="15286" width="4.33203125" style="43" customWidth="1"/>
    <col min="15287" max="15287" width="11.83203125" style="43" customWidth="1"/>
    <col min="15288" max="15288" width="4.33203125" style="43" customWidth="1"/>
    <col min="15289" max="15289" width="11.83203125" style="43" customWidth="1"/>
    <col min="15290" max="15290" width="4.33203125" style="43" customWidth="1"/>
    <col min="15291" max="15291" width="11.83203125" style="43" customWidth="1"/>
    <col min="15292" max="15292" width="4.33203125" style="43" customWidth="1"/>
    <col min="15293" max="15293" width="11.83203125" style="43" customWidth="1"/>
    <col min="15294" max="15294" width="4.33203125" style="43" customWidth="1"/>
    <col min="15295" max="15295" width="11.83203125" style="43" customWidth="1"/>
    <col min="15296" max="15296" width="4.33203125" style="43" customWidth="1"/>
    <col min="15297" max="15297" width="11.83203125" style="43" customWidth="1"/>
    <col min="15298" max="15298" width="4.33203125" style="43" customWidth="1"/>
    <col min="15299" max="15299" width="11.83203125" style="43" customWidth="1"/>
    <col min="15300" max="15300" width="4.33203125" style="43" customWidth="1"/>
    <col min="15301" max="15301" width="11.83203125" style="43" customWidth="1"/>
    <col min="15302" max="15302" width="4.33203125" style="43" customWidth="1"/>
    <col min="15303" max="15303" width="11.83203125" style="43" customWidth="1"/>
    <col min="15304" max="15304" width="4.33203125" style="43" customWidth="1"/>
    <col min="15305" max="15305" width="11.83203125" style="43" customWidth="1"/>
    <col min="15306" max="15306" width="4.33203125" style="43" customWidth="1"/>
    <col min="15307" max="15307" width="11.83203125" style="43" customWidth="1"/>
    <col min="15308" max="15308" width="4.33203125" style="43" customWidth="1"/>
    <col min="15309" max="15309" width="11.83203125" style="43" customWidth="1"/>
    <col min="15310" max="15310" width="4.33203125" style="43" customWidth="1"/>
    <col min="15311" max="15312" width="4.33203125" style="43"/>
    <col min="15313" max="15316" width="1.33203125" style="43" customWidth="1"/>
    <col min="15317" max="15317" width="8.08203125" style="43" customWidth="1"/>
    <col min="15318" max="15318" width="4.33203125" style="43" customWidth="1"/>
    <col min="15319" max="15319" width="11.83203125" style="43" customWidth="1"/>
    <col min="15320" max="15320" width="4.33203125" style="43" customWidth="1"/>
    <col min="15321" max="15321" width="11.83203125" style="43" customWidth="1"/>
    <col min="15322" max="15322" width="4.33203125" style="43" customWidth="1"/>
    <col min="15323" max="15323" width="11.83203125" style="43" customWidth="1"/>
    <col min="15324" max="15324" width="4.33203125" style="43" customWidth="1"/>
    <col min="15325" max="15325" width="11.83203125" style="43" customWidth="1"/>
    <col min="15326" max="15326" width="4.33203125" style="43" customWidth="1"/>
    <col min="15327" max="15327" width="11.83203125" style="43" customWidth="1"/>
    <col min="15328" max="15328" width="4.33203125" style="43" customWidth="1"/>
    <col min="15329" max="15329" width="11.83203125" style="43" customWidth="1"/>
    <col min="15330" max="15330" width="4.33203125" style="43" customWidth="1"/>
    <col min="15331" max="15331" width="11.83203125" style="43" customWidth="1"/>
    <col min="15332" max="15332" width="4.33203125" style="43" customWidth="1"/>
    <col min="15333" max="15333" width="11.83203125" style="43" customWidth="1"/>
    <col min="15334" max="15334" width="4.33203125" style="43" customWidth="1"/>
    <col min="15335" max="15335" width="11.83203125" style="43" customWidth="1"/>
    <col min="15336" max="15336" width="4.33203125" style="43" customWidth="1"/>
    <col min="15337" max="15337" width="11.83203125" style="43" customWidth="1"/>
    <col min="15338" max="15338" width="4.33203125" style="43" customWidth="1"/>
    <col min="15339" max="15339" width="11.83203125" style="43" customWidth="1"/>
    <col min="15340" max="15340" width="4.33203125" style="43" customWidth="1"/>
    <col min="15341" max="15341" width="11.83203125" style="43" customWidth="1"/>
    <col min="15342" max="15342" width="4.33203125" style="43" customWidth="1"/>
    <col min="15343" max="15343" width="11.83203125" style="43" customWidth="1"/>
    <col min="15344" max="15344" width="4.33203125" style="43" customWidth="1"/>
    <col min="15345" max="15345" width="11.83203125" style="43" customWidth="1"/>
    <col min="15346" max="15346" width="4.33203125" style="43" customWidth="1"/>
    <col min="15347" max="15347" width="11.83203125" style="43" customWidth="1"/>
    <col min="15348" max="15348" width="4.33203125" style="43" customWidth="1"/>
    <col min="15349" max="15349" width="11.83203125" style="43" customWidth="1"/>
    <col min="15350" max="15350" width="4.33203125" style="43" customWidth="1"/>
    <col min="15351" max="15351" width="11.83203125" style="43" customWidth="1"/>
    <col min="15352" max="15352" width="4.33203125" style="43" customWidth="1"/>
    <col min="15353" max="15353" width="11.83203125" style="43" customWidth="1"/>
    <col min="15354" max="15354" width="4.33203125" style="43" customWidth="1"/>
    <col min="15355" max="15355" width="11.83203125" style="43" customWidth="1"/>
    <col min="15356" max="15356" width="4.33203125" style="43" customWidth="1"/>
    <col min="15357" max="15357" width="11.83203125" style="43" customWidth="1"/>
    <col min="15358" max="15358" width="4.33203125" style="43" customWidth="1"/>
    <col min="15359" max="15359" width="11.83203125" style="43" customWidth="1"/>
    <col min="15360" max="15360" width="4.33203125" style="43"/>
    <col min="15361" max="15361" width="11.83203125" style="43" customWidth="1"/>
    <col min="15362" max="15362" width="4.33203125" style="43" customWidth="1"/>
    <col min="15363" max="15363" width="11.83203125" style="43" customWidth="1"/>
    <col min="15364" max="15364" width="4.33203125" style="43" customWidth="1"/>
    <col min="15365" max="15365" width="11.83203125" style="43" customWidth="1"/>
    <col min="15366" max="15366" width="4.33203125" style="43" customWidth="1"/>
    <col min="15367" max="15367" width="11.83203125" style="43" customWidth="1"/>
    <col min="15368" max="15368" width="4.33203125" style="43" customWidth="1"/>
    <col min="15369" max="15369" width="11.83203125" style="43" customWidth="1"/>
    <col min="15370" max="15370" width="4.33203125" style="43" customWidth="1"/>
    <col min="15371" max="15371" width="11.83203125" style="43" customWidth="1"/>
    <col min="15372" max="15372" width="4.33203125" style="43" customWidth="1"/>
    <col min="15373" max="15373" width="11.83203125" style="43" customWidth="1"/>
    <col min="15374" max="15374" width="4.33203125" style="43" customWidth="1"/>
    <col min="15375" max="15375" width="11.83203125" style="43" customWidth="1"/>
    <col min="15376" max="15376" width="4.33203125" style="43" customWidth="1"/>
    <col min="15377" max="15377" width="11.83203125" style="43" customWidth="1"/>
    <col min="15378" max="15378" width="4.33203125" style="43" customWidth="1"/>
    <col min="15379" max="15379" width="11.83203125" style="43" customWidth="1"/>
    <col min="15380" max="15380" width="4.33203125" style="43" customWidth="1"/>
    <col min="15381" max="15381" width="11.83203125" style="43" customWidth="1"/>
    <col min="15382" max="15382" width="4.33203125" style="43" customWidth="1"/>
    <col min="15383" max="15383" width="11.83203125" style="43" customWidth="1"/>
    <col min="15384" max="15384" width="4.33203125" style="43" customWidth="1"/>
    <col min="15385" max="15385" width="11.83203125" style="43" customWidth="1"/>
    <col min="15386" max="15386" width="4.33203125" style="43" customWidth="1"/>
    <col min="15387" max="15387" width="11.83203125" style="43" customWidth="1"/>
    <col min="15388" max="15388" width="4.33203125" style="43" customWidth="1"/>
    <col min="15389" max="15389" width="11.83203125" style="43" customWidth="1"/>
    <col min="15390" max="15390" width="4.33203125" style="43" customWidth="1"/>
    <col min="15391" max="15391" width="11.83203125" style="43" customWidth="1"/>
    <col min="15392" max="15392" width="4.33203125" style="43" customWidth="1"/>
    <col min="15393" max="15393" width="11.83203125" style="43" customWidth="1"/>
    <col min="15394" max="15394" width="4.33203125" style="43" customWidth="1"/>
    <col min="15395" max="15395" width="11.83203125" style="43" customWidth="1"/>
    <col min="15396" max="15396" width="4.33203125" style="43" customWidth="1"/>
    <col min="15397" max="15397" width="11.83203125" style="43" customWidth="1"/>
    <col min="15398" max="15398" width="4.33203125" style="43" customWidth="1"/>
    <col min="15399" max="15399" width="11.83203125" style="43" customWidth="1"/>
    <col min="15400" max="15400" width="4.33203125" style="43" customWidth="1"/>
    <col min="15401" max="15401" width="11.83203125" style="43" customWidth="1"/>
    <col min="15402" max="15402" width="4.33203125" style="43" customWidth="1"/>
    <col min="15403" max="15403" width="11.83203125" style="43" customWidth="1"/>
    <col min="15404" max="15404" width="4.33203125" style="43" customWidth="1"/>
    <col min="15405" max="15405" width="11.83203125" style="43" customWidth="1"/>
    <col min="15406" max="15406" width="4.33203125" style="43" customWidth="1"/>
    <col min="15407" max="15407" width="11.83203125" style="43" customWidth="1"/>
    <col min="15408" max="15408" width="4.33203125" style="43" customWidth="1"/>
    <col min="15409" max="15409" width="11.83203125" style="43" customWidth="1"/>
    <col min="15410" max="15410" width="4.33203125" style="43" customWidth="1"/>
    <col min="15411" max="15411" width="11.83203125" style="43" customWidth="1"/>
    <col min="15412" max="15412" width="4.33203125" style="43" customWidth="1"/>
    <col min="15413" max="15413" width="11.83203125" style="43" customWidth="1"/>
    <col min="15414" max="15414" width="4.33203125" style="43" customWidth="1"/>
    <col min="15415" max="15415" width="11.83203125" style="43" customWidth="1"/>
    <col min="15416" max="15416" width="4.33203125" style="43" customWidth="1"/>
    <col min="15417" max="15417" width="11.83203125" style="43" customWidth="1"/>
    <col min="15418" max="15418" width="4.33203125" style="43" customWidth="1"/>
    <col min="15419" max="15419" width="11.83203125" style="43" customWidth="1"/>
    <col min="15420" max="15420" width="4.33203125" style="43" customWidth="1"/>
    <col min="15421" max="15421" width="11.83203125" style="43" customWidth="1"/>
    <col min="15422" max="15422" width="4.33203125" style="43" customWidth="1"/>
    <col min="15423" max="15423" width="11.83203125" style="43" customWidth="1"/>
    <col min="15424" max="15424" width="4.33203125" style="43" customWidth="1"/>
    <col min="15425" max="15425" width="11.83203125" style="43" customWidth="1"/>
    <col min="15426" max="15426" width="4.33203125" style="43" customWidth="1"/>
    <col min="15427" max="15427" width="11.83203125" style="43" customWidth="1"/>
    <col min="15428" max="15428" width="4.33203125" style="43" customWidth="1"/>
    <col min="15429" max="15429" width="11.83203125" style="43" customWidth="1"/>
    <col min="15430" max="15430" width="4.33203125" style="43" customWidth="1"/>
    <col min="15431" max="15431" width="11.83203125" style="43" customWidth="1"/>
    <col min="15432" max="15432" width="4.33203125" style="43" customWidth="1"/>
    <col min="15433" max="15433" width="11.83203125" style="43" customWidth="1"/>
    <col min="15434" max="15524" width="5.33203125" style="43" customWidth="1"/>
    <col min="15525" max="15530" width="1.33203125" style="43" customWidth="1"/>
    <col min="15531" max="15531" width="8.08203125" style="43" customWidth="1"/>
    <col min="15532" max="15532" width="4.33203125" style="43" customWidth="1"/>
    <col min="15533" max="15533" width="11.83203125" style="43" customWidth="1"/>
    <col min="15534" max="15534" width="4.33203125" style="43" customWidth="1"/>
    <col min="15535" max="15535" width="11.83203125" style="43" customWidth="1"/>
    <col min="15536" max="15536" width="4.33203125" style="43" customWidth="1"/>
    <col min="15537" max="15537" width="11.83203125" style="43" customWidth="1"/>
    <col min="15538" max="15538" width="4.33203125" style="43" customWidth="1"/>
    <col min="15539" max="15539" width="11.83203125" style="43" customWidth="1"/>
    <col min="15540" max="15540" width="4.33203125" style="43" customWidth="1"/>
    <col min="15541" max="15541" width="11.83203125" style="43" customWidth="1"/>
    <col min="15542" max="15542" width="4.33203125" style="43" customWidth="1"/>
    <col min="15543" max="15543" width="11.83203125" style="43" customWidth="1"/>
    <col min="15544" max="15544" width="4.33203125" style="43" customWidth="1"/>
    <col min="15545" max="15545" width="11.83203125" style="43" customWidth="1"/>
    <col min="15546" max="15546" width="4.33203125" style="43" customWidth="1"/>
    <col min="15547" max="15547" width="11.83203125" style="43" customWidth="1"/>
    <col min="15548" max="15548" width="4.33203125" style="43" customWidth="1"/>
    <col min="15549" max="15549" width="11.83203125" style="43" customWidth="1"/>
    <col min="15550" max="15550" width="4.33203125" style="43" customWidth="1"/>
    <col min="15551" max="15551" width="11.83203125" style="43" customWidth="1"/>
    <col min="15552" max="15552" width="4.33203125" style="43" customWidth="1"/>
    <col min="15553" max="15553" width="11.83203125" style="43" customWidth="1"/>
    <col min="15554" max="15554" width="4.33203125" style="43" customWidth="1"/>
    <col min="15555" max="15555" width="11.83203125" style="43" customWidth="1"/>
    <col min="15556" max="15556" width="4.33203125" style="43" customWidth="1"/>
    <col min="15557" max="15557" width="11.83203125" style="43" customWidth="1"/>
    <col min="15558" max="15558" width="4.33203125" style="43" customWidth="1"/>
    <col min="15559" max="15559" width="11.83203125" style="43" customWidth="1"/>
    <col min="15560" max="15560" width="4.33203125" style="43" customWidth="1"/>
    <col min="15561" max="15561" width="11.83203125" style="43" customWidth="1"/>
    <col min="15562" max="15562" width="4.33203125" style="43" customWidth="1"/>
    <col min="15563" max="15563" width="11.83203125" style="43" customWidth="1"/>
    <col min="15564" max="15564" width="4.33203125" style="43" customWidth="1"/>
    <col min="15565" max="15565" width="11.83203125" style="43" customWidth="1"/>
    <col min="15566" max="15566" width="4.33203125" style="43" customWidth="1"/>
    <col min="15567" max="15568" width="4.33203125" style="43"/>
    <col min="15569" max="15572" width="1.33203125" style="43" customWidth="1"/>
    <col min="15573" max="15573" width="8.08203125" style="43" customWidth="1"/>
    <col min="15574" max="15574" width="4.33203125" style="43" customWidth="1"/>
    <col min="15575" max="15575" width="11.83203125" style="43" customWidth="1"/>
    <col min="15576" max="15576" width="4.33203125" style="43" customWidth="1"/>
    <col min="15577" max="15577" width="11.83203125" style="43" customWidth="1"/>
    <col min="15578" max="15578" width="4.33203125" style="43" customWidth="1"/>
    <col min="15579" max="15579" width="11.83203125" style="43" customWidth="1"/>
    <col min="15580" max="15580" width="4.33203125" style="43" customWidth="1"/>
    <col min="15581" max="15581" width="11.83203125" style="43" customWidth="1"/>
    <col min="15582" max="15582" width="4.33203125" style="43" customWidth="1"/>
    <col min="15583" max="15583" width="11.83203125" style="43" customWidth="1"/>
    <col min="15584" max="15584" width="4.33203125" style="43" customWidth="1"/>
    <col min="15585" max="15585" width="11.83203125" style="43" customWidth="1"/>
    <col min="15586" max="15586" width="4.33203125" style="43" customWidth="1"/>
    <col min="15587" max="15587" width="11.83203125" style="43" customWidth="1"/>
    <col min="15588" max="15588" width="4.33203125" style="43" customWidth="1"/>
    <col min="15589" max="15589" width="11.83203125" style="43" customWidth="1"/>
    <col min="15590" max="15590" width="4.33203125" style="43" customWidth="1"/>
    <col min="15591" max="15591" width="11.83203125" style="43" customWidth="1"/>
    <col min="15592" max="15592" width="4.33203125" style="43" customWidth="1"/>
    <col min="15593" max="15593" width="11.83203125" style="43" customWidth="1"/>
    <col min="15594" max="15594" width="4.33203125" style="43" customWidth="1"/>
    <col min="15595" max="15595" width="11.83203125" style="43" customWidth="1"/>
    <col min="15596" max="15596" width="4.33203125" style="43" customWidth="1"/>
    <col min="15597" max="15597" width="11.83203125" style="43" customWidth="1"/>
    <col min="15598" max="15598" width="4.33203125" style="43" customWidth="1"/>
    <col min="15599" max="15599" width="11.83203125" style="43" customWidth="1"/>
    <col min="15600" max="15600" width="4.33203125" style="43" customWidth="1"/>
    <col min="15601" max="15601" width="11.83203125" style="43" customWidth="1"/>
    <col min="15602" max="15602" width="4.33203125" style="43" customWidth="1"/>
    <col min="15603" max="15603" width="11.83203125" style="43" customWidth="1"/>
    <col min="15604" max="15604" width="4.33203125" style="43" customWidth="1"/>
    <col min="15605" max="15605" width="11.83203125" style="43" customWidth="1"/>
    <col min="15606" max="15606" width="4.33203125" style="43" customWidth="1"/>
    <col min="15607" max="15607" width="11.83203125" style="43" customWidth="1"/>
    <col min="15608" max="15608" width="4.33203125" style="43" customWidth="1"/>
    <col min="15609" max="15609" width="11.83203125" style="43" customWidth="1"/>
    <col min="15610" max="15610" width="4.33203125" style="43" customWidth="1"/>
    <col min="15611" max="15611" width="11.83203125" style="43" customWidth="1"/>
    <col min="15612" max="15612" width="4.33203125" style="43" customWidth="1"/>
    <col min="15613" max="15613" width="11.83203125" style="43" customWidth="1"/>
    <col min="15614" max="15614" width="4.33203125" style="43" customWidth="1"/>
    <col min="15615" max="15615" width="11.83203125" style="43" customWidth="1"/>
    <col min="15616" max="15616" width="4.33203125" style="43"/>
    <col min="15617" max="15617" width="11.83203125" style="43" customWidth="1"/>
    <col min="15618" max="15618" width="4.33203125" style="43" customWidth="1"/>
    <col min="15619" max="15619" width="11.83203125" style="43" customWidth="1"/>
    <col min="15620" max="15620" width="4.33203125" style="43" customWidth="1"/>
    <col min="15621" max="15621" width="11.83203125" style="43" customWidth="1"/>
    <col min="15622" max="15622" width="4.33203125" style="43" customWidth="1"/>
    <col min="15623" max="15623" width="11.83203125" style="43" customWidth="1"/>
    <col min="15624" max="15624" width="4.33203125" style="43" customWidth="1"/>
    <col min="15625" max="15625" width="11.83203125" style="43" customWidth="1"/>
    <col min="15626" max="15626" width="4.33203125" style="43" customWidth="1"/>
    <col min="15627" max="15627" width="11.83203125" style="43" customWidth="1"/>
    <col min="15628" max="15628" width="4.33203125" style="43" customWidth="1"/>
    <col min="15629" max="15629" width="11.83203125" style="43" customWidth="1"/>
    <col min="15630" max="15630" width="4.33203125" style="43" customWidth="1"/>
    <col min="15631" max="15631" width="11.83203125" style="43" customWidth="1"/>
    <col min="15632" max="15632" width="4.33203125" style="43" customWidth="1"/>
    <col min="15633" max="15633" width="11.83203125" style="43" customWidth="1"/>
    <col min="15634" max="15634" width="4.33203125" style="43" customWidth="1"/>
    <col min="15635" max="15635" width="11.83203125" style="43" customWidth="1"/>
    <col min="15636" max="15636" width="4.33203125" style="43" customWidth="1"/>
    <col min="15637" max="15637" width="11.83203125" style="43" customWidth="1"/>
    <col min="15638" max="15638" width="4.33203125" style="43" customWidth="1"/>
    <col min="15639" max="15639" width="11.83203125" style="43" customWidth="1"/>
    <col min="15640" max="15640" width="4.33203125" style="43" customWidth="1"/>
    <col min="15641" max="15641" width="11.83203125" style="43" customWidth="1"/>
    <col min="15642" max="15642" width="4.33203125" style="43" customWidth="1"/>
    <col min="15643" max="15643" width="11.83203125" style="43" customWidth="1"/>
    <col min="15644" max="15644" width="4.33203125" style="43" customWidth="1"/>
    <col min="15645" max="15645" width="11.83203125" style="43" customWidth="1"/>
    <col min="15646" max="15646" width="4.33203125" style="43" customWidth="1"/>
    <col min="15647" max="15647" width="11.83203125" style="43" customWidth="1"/>
    <col min="15648" max="15648" width="4.33203125" style="43" customWidth="1"/>
    <col min="15649" max="15649" width="11.83203125" style="43" customWidth="1"/>
    <col min="15650" max="15650" width="4.33203125" style="43" customWidth="1"/>
    <col min="15651" max="15651" width="11.83203125" style="43" customWidth="1"/>
    <col min="15652" max="15652" width="4.33203125" style="43" customWidth="1"/>
    <col min="15653" max="15653" width="11.83203125" style="43" customWidth="1"/>
    <col min="15654" max="15654" width="4.33203125" style="43" customWidth="1"/>
    <col min="15655" max="15655" width="11.83203125" style="43" customWidth="1"/>
    <col min="15656" max="15656" width="4.33203125" style="43" customWidth="1"/>
    <col min="15657" max="15657" width="11.83203125" style="43" customWidth="1"/>
    <col min="15658" max="15658" width="4.33203125" style="43" customWidth="1"/>
    <col min="15659" max="15659" width="11.83203125" style="43" customWidth="1"/>
    <col min="15660" max="15660" width="4.33203125" style="43" customWidth="1"/>
    <col min="15661" max="15661" width="11.83203125" style="43" customWidth="1"/>
    <col min="15662" max="15662" width="4.33203125" style="43" customWidth="1"/>
    <col min="15663" max="15663" width="11.83203125" style="43" customWidth="1"/>
    <col min="15664" max="15664" width="4.33203125" style="43" customWidth="1"/>
    <col min="15665" max="15665" width="11.83203125" style="43" customWidth="1"/>
    <col min="15666" max="15666" width="4.33203125" style="43" customWidth="1"/>
    <col min="15667" max="15667" width="11.83203125" style="43" customWidth="1"/>
    <col min="15668" max="15668" width="4.33203125" style="43" customWidth="1"/>
    <col min="15669" max="15669" width="11.83203125" style="43" customWidth="1"/>
    <col min="15670" max="15670" width="4.33203125" style="43" customWidth="1"/>
    <col min="15671" max="15671" width="11.83203125" style="43" customWidth="1"/>
    <col min="15672" max="15672" width="4.33203125" style="43" customWidth="1"/>
    <col min="15673" max="15673" width="11.83203125" style="43" customWidth="1"/>
    <col min="15674" max="15674" width="4.33203125" style="43" customWidth="1"/>
    <col min="15675" max="15675" width="11.83203125" style="43" customWidth="1"/>
    <col min="15676" max="15676" width="4.33203125" style="43" customWidth="1"/>
    <col min="15677" max="15677" width="11.83203125" style="43" customWidth="1"/>
    <col min="15678" max="15678" width="4.33203125" style="43" customWidth="1"/>
    <col min="15679" max="15679" width="11.83203125" style="43" customWidth="1"/>
    <col min="15680" max="15680" width="4.33203125" style="43" customWidth="1"/>
    <col min="15681" max="15681" width="11.83203125" style="43" customWidth="1"/>
    <col min="15682" max="15682" width="4.33203125" style="43" customWidth="1"/>
    <col min="15683" max="15683" width="11.83203125" style="43" customWidth="1"/>
    <col min="15684" max="15684" width="4.33203125" style="43" customWidth="1"/>
    <col min="15685" max="15685" width="11.83203125" style="43" customWidth="1"/>
    <col min="15686" max="15686" width="4.33203125" style="43" customWidth="1"/>
    <col min="15687" max="15687" width="11.83203125" style="43" customWidth="1"/>
    <col min="15688" max="15688" width="4.33203125" style="43" customWidth="1"/>
    <col min="15689" max="15689" width="11.83203125" style="43" customWidth="1"/>
    <col min="15690" max="15780" width="5.33203125" style="43" customWidth="1"/>
    <col min="15781" max="15786" width="1.33203125" style="43" customWidth="1"/>
    <col min="15787" max="15787" width="8.08203125" style="43" customWidth="1"/>
    <col min="15788" max="15788" width="4.33203125" style="43" customWidth="1"/>
    <col min="15789" max="15789" width="11.83203125" style="43" customWidth="1"/>
    <col min="15790" max="15790" width="4.33203125" style="43" customWidth="1"/>
    <col min="15791" max="15791" width="11.83203125" style="43" customWidth="1"/>
    <col min="15792" max="15792" width="4.33203125" style="43" customWidth="1"/>
    <col min="15793" max="15793" width="11.83203125" style="43" customWidth="1"/>
    <col min="15794" max="15794" width="4.33203125" style="43" customWidth="1"/>
    <col min="15795" max="15795" width="11.83203125" style="43" customWidth="1"/>
    <col min="15796" max="15796" width="4.33203125" style="43" customWidth="1"/>
    <col min="15797" max="15797" width="11.83203125" style="43" customWidth="1"/>
    <col min="15798" max="15798" width="4.33203125" style="43" customWidth="1"/>
    <col min="15799" max="15799" width="11.83203125" style="43" customWidth="1"/>
    <col min="15800" max="15800" width="4.33203125" style="43" customWidth="1"/>
    <col min="15801" max="15801" width="11.83203125" style="43" customWidth="1"/>
    <col min="15802" max="15802" width="4.33203125" style="43" customWidth="1"/>
    <col min="15803" max="15803" width="11.83203125" style="43" customWidth="1"/>
    <col min="15804" max="15804" width="4.33203125" style="43" customWidth="1"/>
    <col min="15805" max="15805" width="11.83203125" style="43" customWidth="1"/>
    <col min="15806" max="15806" width="4.33203125" style="43" customWidth="1"/>
    <col min="15807" max="15807" width="11.83203125" style="43" customWidth="1"/>
    <col min="15808" max="15808" width="4.33203125" style="43" customWidth="1"/>
    <col min="15809" max="15809" width="11.83203125" style="43" customWidth="1"/>
    <col min="15810" max="15810" width="4.33203125" style="43" customWidth="1"/>
    <col min="15811" max="15811" width="11.83203125" style="43" customWidth="1"/>
    <col min="15812" max="15812" width="4.33203125" style="43" customWidth="1"/>
    <col min="15813" max="15813" width="11.83203125" style="43" customWidth="1"/>
    <col min="15814" max="15814" width="4.33203125" style="43" customWidth="1"/>
    <col min="15815" max="15815" width="11.83203125" style="43" customWidth="1"/>
    <col min="15816" max="15816" width="4.33203125" style="43" customWidth="1"/>
    <col min="15817" max="15817" width="11.83203125" style="43" customWidth="1"/>
    <col min="15818" max="15818" width="4.33203125" style="43" customWidth="1"/>
    <col min="15819" max="15819" width="11.83203125" style="43" customWidth="1"/>
    <col min="15820" max="15820" width="4.33203125" style="43" customWidth="1"/>
    <col min="15821" max="15821" width="11.83203125" style="43" customWidth="1"/>
    <col min="15822" max="15822" width="4.33203125" style="43" customWidth="1"/>
    <col min="15823" max="15824" width="4.33203125" style="43"/>
    <col min="15825" max="15828" width="1.33203125" style="43" customWidth="1"/>
    <col min="15829" max="15829" width="8.08203125" style="43" customWidth="1"/>
    <col min="15830" max="15830" width="4.33203125" style="43" customWidth="1"/>
    <col min="15831" max="15831" width="11.83203125" style="43" customWidth="1"/>
    <col min="15832" max="15832" width="4.33203125" style="43" customWidth="1"/>
    <col min="15833" max="15833" width="11.83203125" style="43" customWidth="1"/>
    <col min="15834" max="15834" width="4.33203125" style="43" customWidth="1"/>
    <col min="15835" max="15835" width="11.83203125" style="43" customWidth="1"/>
    <col min="15836" max="15836" width="4.33203125" style="43" customWidth="1"/>
    <col min="15837" max="15837" width="11.83203125" style="43" customWidth="1"/>
    <col min="15838" max="15838" width="4.33203125" style="43" customWidth="1"/>
    <col min="15839" max="15839" width="11.83203125" style="43" customWidth="1"/>
    <col min="15840" max="15840" width="4.33203125" style="43" customWidth="1"/>
    <col min="15841" max="15841" width="11.83203125" style="43" customWidth="1"/>
    <col min="15842" max="15842" width="4.33203125" style="43" customWidth="1"/>
    <col min="15843" max="15843" width="11.83203125" style="43" customWidth="1"/>
    <col min="15844" max="15844" width="4.33203125" style="43" customWidth="1"/>
    <col min="15845" max="15845" width="11.83203125" style="43" customWidth="1"/>
    <col min="15846" max="15846" width="4.33203125" style="43" customWidth="1"/>
    <col min="15847" max="15847" width="11.83203125" style="43" customWidth="1"/>
    <col min="15848" max="15848" width="4.33203125" style="43" customWidth="1"/>
    <col min="15849" max="15849" width="11.83203125" style="43" customWidth="1"/>
    <col min="15850" max="15850" width="4.33203125" style="43" customWidth="1"/>
    <col min="15851" max="15851" width="11.83203125" style="43" customWidth="1"/>
    <col min="15852" max="15852" width="4.33203125" style="43" customWidth="1"/>
    <col min="15853" max="15853" width="11.83203125" style="43" customWidth="1"/>
    <col min="15854" max="15854" width="4.33203125" style="43" customWidth="1"/>
    <col min="15855" max="15855" width="11.83203125" style="43" customWidth="1"/>
    <col min="15856" max="15856" width="4.33203125" style="43" customWidth="1"/>
    <col min="15857" max="15857" width="11.83203125" style="43" customWidth="1"/>
    <col min="15858" max="15858" width="4.33203125" style="43" customWidth="1"/>
    <col min="15859" max="15859" width="11.83203125" style="43" customWidth="1"/>
    <col min="15860" max="15860" width="4.33203125" style="43" customWidth="1"/>
    <col min="15861" max="15861" width="11.83203125" style="43" customWidth="1"/>
    <col min="15862" max="15862" width="4.33203125" style="43" customWidth="1"/>
    <col min="15863" max="15863" width="11.83203125" style="43" customWidth="1"/>
    <col min="15864" max="15864" width="4.33203125" style="43" customWidth="1"/>
    <col min="15865" max="15865" width="11.83203125" style="43" customWidth="1"/>
    <col min="15866" max="15866" width="4.33203125" style="43" customWidth="1"/>
    <col min="15867" max="15867" width="11.83203125" style="43" customWidth="1"/>
    <col min="15868" max="15868" width="4.33203125" style="43" customWidth="1"/>
    <col min="15869" max="15869" width="11.83203125" style="43" customWidth="1"/>
    <col min="15870" max="15870" width="4.33203125" style="43" customWidth="1"/>
    <col min="15871" max="15871" width="11.83203125" style="43" customWidth="1"/>
    <col min="15872" max="15872" width="4.33203125" style="43"/>
    <col min="15873" max="15873" width="11.83203125" style="43" customWidth="1"/>
    <col min="15874" max="15874" width="4.33203125" style="43" customWidth="1"/>
    <col min="15875" max="15875" width="11.83203125" style="43" customWidth="1"/>
    <col min="15876" max="15876" width="4.33203125" style="43" customWidth="1"/>
    <col min="15877" max="15877" width="11.83203125" style="43" customWidth="1"/>
    <col min="15878" max="15878" width="4.33203125" style="43" customWidth="1"/>
    <col min="15879" max="15879" width="11.83203125" style="43" customWidth="1"/>
    <col min="15880" max="15880" width="4.33203125" style="43" customWidth="1"/>
    <col min="15881" max="15881" width="11.83203125" style="43" customWidth="1"/>
    <col min="15882" max="15882" width="4.33203125" style="43" customWidth="1"/>
    <col min="15883" max="15883" width="11.83203125" style="43" customWidth="1"/>
    <col min="15884" max="15884" width="4.33203125" style="43" customWidth="1"/>
    <col min="15885" max="15885" width="11.83203125" style="43" customWidth="1"/>
    <col min="15886" max="15886" width="4.33203125" style="43" customWidth="1"/>
    <col min="15887" max="15887" width="11.83203125" style="43" customWidth="1"/>
    <col min="15888" max="15888" width="4.33203125" style="43" customWidth="1"/>
    <col min="15889" max="15889" width="11.83203125" style="43" customWidth="1"/>
    <col min="15890" max="15890" width="4.33203125" style="43" customWidth="1"/>
    <col min="15891" max="15891" width="11.83203125" style="43" customWidth="1"/>
    <col min="15892" max="15892" width="4.33203125" style="43" customWidth="1"/>
    <col min="15893" max="15893" width="11.83203125" style="43" customWidth="1"/>
    <col min="15894" max="15894" width="4.33203125" style="43" customWidth="1"/>
    <col min="15895" max="15895" width="11.83203125" style="43" customWidth="1"/>
    <col min="15896" max="15896" width="4.33203125" style="43" customWidth="1"/>
    <col min="15897" max="15897" width="11.83203125" style="43" customWidth="1"/>
    <col min="15898" max="15898" width="4.33203125" style="43" customWidth="1"/>
    <col min="15899" max="15899" width="11.83203125" style="43" customWidth="1"/>
    <col min="15900" max="15900" width="4.33203125" style="43" customWidth="1"/>
    <col min="15901" max="15901" width="11.83203125" style="43" customWidth="1"/>
    <col min="15902" max="15902" width="4.33203125" style="43" customWidth="1"/>
    <col min="15903" max="15903" width="11.83203125" style="43" customWidth="1"/>
    <col min="15904" max="15904" width="4.33203125" style="43" customWidth="1"/>
    <col min="15905" max="15905" width="11.83203125" style="43" customWidth="1"/>
    <col min="15906" max="15906" width="4.33203125" style="43" customWidth="1"/>
    <col min="15907" max="15907" width="11.83203125" style="43" customWidth="1"/>
    <col min="15908" max="15908" width="4.33203125" style="43" customWidth="1"/>
    <col min="15909" max="15909" width="11.83203125" style="43" customWidth="1"/>
    <col min="15910" max="15910" width="4.33203125" style="43" customWidth="1"/>
    <col min="15911" max="15911" width="11.83203125" style="43" customWidth="1"/>
    <col min="15912" max="15912" width="4.33203125" style="43" customWidth="1"/>
    <col min="15913" max="15913" width="11.83203125" style="43" customWidth="1"/>
    <col min="15914" max="15914" width="4.33203125" style="43" customWidth="1"/>
    <col min="15915" max="15915" width="11.83203125" style="43" customWidth="1"/>
    <col min="15916" max="15916" width="4.33203125" style="43" customWidth="1"/>
    <col min="15917" max="15917" width="11.83203125" style="43" customWidth="1"/>
    <col min="15918" max="15918" width="4.33203125" style="43" customWidth="1"/>
    <col min="15919" max="15919" width="11.83203125" style="43" customWidth="1"/>
    <col min="15920" max="15920" width="4.33203125" style="43" customWidth="1"/>
    <col min="15921" max="15921" width="11.83203125" style="43" customWidth="1"/>
    <col min="15922" max="15922" width="4.33203125" style="43" customWidth="1"/>
    <col min="15923" max="15923" width="11.83203125" style="43" customWidth="1"/>
    <col min="15924" max="15924" width="4.33203125" style="43" customWidth="1"/>
    <col min="15925" max="15925" width="11.83203125" style="43" customWidth="1"/>
    <col min="15926" max="15926" width="4.33203125" style="43" customWidth="1"/>
    <col min="15927" max="15927" width="11.83203125" style="43" customWidth="1"/>
    <col min="15928" max="15928" width="4.33203125" style="43" customWidth="1"/>
    <col min="15929" max="15929" width="11.83203125" style="43" customWidth="1"/>
    <col min="15930" max="15930" width="4.33203125" style="43" customWidth="1"/>
    <col min="15931" max="15931" width="11.83203125" style="43" customWidth="1"/>
    <col min="15932" max="15932" width="4.33203125" style="43" customWidth="1"/>
    <col min="15933" max="15933" width="11.83203125" style="43" customWidth="1"/>
    <col min="15934" max="15934" width="4.33203125" style="43" customWidth="1"/>
    <col min="15935" max="15935" width="11.83203125" style="43" customWidth="1"/>
    <col min="15936" max="15936" width="4.33203125" style="43" customWidth="1"/>
    <col min="15937" max="15937" width="11.83203125" style="43" customWidth="1"/>
    <col min="15938" max="15938" width="4.33203125" style="43" customWidth="1"/>
    <col min="15939" max="15939" width="11.83203125" style="43" customWidth="1"/>
    <col min="15940" max="15940" width="4.33203125" style="43" customWidth="1"/>
    <col min="15941" max="15941" width="11.83203125" style="43" customWidth="1"/>
    <col min="15942" max="15942" width="4.33203125" style="43" customWidth="1"/>
    <col min="15943" max="15943" width="11.83203125" style="43" customWidth="1"/>
    <col min="15944" max="15944" width="4.33203125" style="43" customWidth="1"/>
    <col min="15945" max="15945" width="11.83203125" style="43" customWidth="1"/>
    <col min="15946" max="16036" width="5.33203125" style="43" customWidth="1"/>
    <col min="16037" max="16042" width="1.33203125" style="43" customWidth="1"/>
    <col min="16043" max="16043" width="8.08203125" style="43" customWidth="1"/>
    <col min="16044" max="16044" width="4.33203125" style="43" customWidth="1"/>
    <col min="16045" max="16045" width="11.83203125" style="43" customWidth="1"/>
    <col min="16046" max="16046" width="4.33203125" style="43" customWidth="1"/>
    <col min="16047" max="16047" width="11.83203125" style="43" customWidth="1"/>
    <col min="16048" max="16048" width="4.33203125" style="43" customWidth="1"/>
    <col min="16049" max="16049" width="11.83203125" style="43" customWidth="1"/>
    <col min="16050" max="16050" width="4.33203125" style="43" customWidth="1"/>
    <col min="16051" max="16051" width="11.83203125" style="43" customWidth="1"/>
    <col min="16052" max="16052" width="4.33203125" style="43" customWidth="1"/>
    <col min="16053" max="16053" width="11.83203125" style="43" customWidth="1"/>
    <col min="16054" max="16054" width="4.33203125" style="43" customWidth="1"/>
    <col min="16055" max="16055" width="11.83203125" style="43" customWidth="1"/>
    <col min="16056" max="16056" width="4.33203125" style="43" customWidth="1"/>
    <col min="16057" max="16057" width="11.83203125" style="43" customWidth="1"/>
    <col min="16058" max="16058" width="4.33203125" style="43" customWidth="1"/>
    <col min="16059" max="16059" width="11.83203125" style="43" customWidth="1"/>
    <col min="16060" max="16060" width="4.33203125" style="43" customWidth="1"/>
    <col min="16061" max="16061" width="11.83203125" style="43" customWidth="1"/>
    <col min="16062" max="16062" width="4.33203125" style="43" customWidth="1"/>
    <col min="16063" max="16063" width="11.83203125" style="43" customWidth="1"/>
    <col min="16064" max="16064" width="4.33203125" style="43" customWidth="1"/>
    <col min="16065" max="16065" width="11.83203125" style="43" customWidth="1"/>
    <col min="16066" max="16066" width="4.33203125" style="43" customWidth="1"/>
    <col min="16067" max="16067" width="11.83203125" style="43" customWidth="1"/>
    <col min="16068" max="16068" width="4.33203125" style="43" customWidth="1"/>
    <col min="16069" max="16069" width="11.83203125" style="43" customWidth="1"/>
    <col min="16070" max="16070" width="4.33203125" style="43" customWidth="1"/>
    <col min="16071" max="16071" width="11.83203125" style="43" customWidth="1"/>
    <col min="16072" max="16072" width="4.33203125" style="43" customWidth="1"/>
    <col min="16073" max="16073" width="11.83203125" style="43" customWidth="1"/>
    <col min="16074" max="16074" width="4.33203125" style="43" customWidth="1"/>
    <col min="16075" max="16075" width="11.83203125" style="43" customWidth="1"/>
    <col min="16076" max="16076" width="4.33203125" style="43" customWidth="1"/>
    <col min="16077" max="16077" width="11.83203125" style="43" customWidth="1"/>
    <col min="16078" max="16078" width="4.33203125" style="43" customWidth="1"/>
    <col min="16079" max="16080" width="4.33203125" style="43"/>
    <col min="16081" max="16084" width="1.33203125" style="43" customWidth="1"/>
    <col min="16085" max="16085" width="8.08203125" style="43" customWidth="1"/>
    <col min="16086" max="16086" width="4.33203125" style="43" customWidth="1"/>
    <col min="16087" max="16087" width="11.83203125" style="43" customWidth="1"/>
    <col min="16088" max="16088" width="4.33203125" style="43" customWidth="1"/>
    <col min="16089" max="16089" width="11.83203125" style="43" customWidth="1"/>
    <col min="16090" max="16090" width="4.33203125" style="43" customWidth="1"/>
    <col min="16091" max="16091" width="11.83203125" style="43" customWidth="1"/>
    <col min="16092" max="16092" width="4.33203125" style="43" customWidth="1"/>
    <col min="16093" max="16093" width="11.83203125" style="43" customWidth="1"/>
    <col min="16094" max="16094" width="4.33203125" style="43" customWidth="1"/>
    <col min="16095" max="16095" width="11.83203125" style="43" customWidth="1"/>
    <col min="16096" max="16096" width="4.33203125" style="43" customWidth="1"/>
    <col min="16097" max="16097" width="11.83203125" style="43" customWidth="1"/>
    <col min="16098" max="16098" width="4.33203125" style="43" customWidth="1"/>
    <col min="16099" max="16099" width="11.83203125" style="43" customWidth="1"/>
    <col min="16100" max="16100" width="4.33203125" style="43" customWidth="1"/>
    <col min="16101" max="16101" width="11.83203125" style="43" customWidth="1"/>
    <col min="16102" max="16102" width="4.33203125" style="43" customWidth="1"/>
    <col min="16103" max="16103" width="11.83203125" style="43" customWidth="1"/>
    <col min="16104" max="16104" width="4.33203125" style="43" customWidth="1"/>
    <col min="16105" max="16105" width="11.83203125" style="43" customWidth="1"/>
    <col min="16106" max="16106" width="4.33203125" style="43" customWidth="1"/>
    <col min="16107" max="16107" width="11.83203125" style="43" customWidth="1"/>
    <col min="16108" max="16108" width="4.33203125" style="43" customWidth="1"/>
    <col min="16109" max="16109" width="11.83203125" style="43" customWidth="1"/>
    <col min="16110" max="16110" width="4.33203125" style="43" customWidth="1"/>
    <col min="16111" max="16111" width="11.83203125" style="43" customWidth="1"/>
    <col min="16112" max="16112" width="4.33203125" style="43" customWidth="1"/>
    <col min="16113" max="16113" width="11.83203125" style="43" customWidth="1"/>
    <col min="16114" max="16114" width="4.33203125" style="43" customWidth="1"/>
    <col min="16115" max="16115" width="11.83203125" style="43" customWidth="1"/>
    <col min="16116" max="16116" width="4.33203125" style="43" customWidth="1"/>
    <col min="16117" max="16117" width="11.83203125" style="43" customWidth="1"/>
    <col min="16118" max="16118" width="4.33203125" style="43" customWidth="1"/>
    <col min="16119" max="16119" width="11.83203125" style="43" customWidth="1"/>
    <col min="16120" max="16120" width="4.33203125" style="43" customWidth="1"/>
    <col min="16121" max="16121" width="11.83203125" style="43" customWidth="1"/>
    <col min="16122" max="16122" width="4.33203125" style="43" customWidth="1"/>
    <col min="16123" max="16123" width="11.83203125" style="43" customWidth="1"/>
    <col min="16124" max="16124" width="4.33203125" style="43" customWidth="1"/>
    <col min="16125" max="16125" width="11.83203125" style="43" customWidth="1"/>
    <col min="16126" max="16126" width="4.33203125" style="43" customWidth="1"/>
    <col min="16127" max="16127" width="11.83203125" style="43" customWidth="1"/>
    <col min="16128" max="16128" width="4.33203125" style="43"/>
    <col min="16129" max="16129" width="11.83203125" style="43" customWidth="1"/>
    <col min="16130" max="16130" width="4.33203125" style="43" customWidth="1"/>
    <col min="16131" max="16131" width="11.83203125" style="43" customWidth="1"/>
    <col min="16132" max="16132" width="4.33203125" style="43" customWidth="1"/>
    <col min="16133" max="16133" width="11.83203125" style="43" customWidth="1"/>
    <col min="16134" max="16134" width="4.33203125" style="43" customWidth="1"/>
    <col min="16135" max="16135" width="11.83203125" style="43" customWidth="1"/>
    <col min="16136" max="16136" width="4.33203125" style="43" customWidth="1"/>
    <col min="16137" max="16137" width="11.83203125" style="43" customWidth="1"/>
    <col min="16138" max="16138" width="4.33203125" style="43" customWidth="1"/>
    <col min="16139" max="16139" width="11.83203125" style="43" customWidth="1"/>
    <col min="16140" max="16140" width="4.33203125" style="43" customWidth="1"/>
    <col min="16141" max="16141" width="11.83203125" style="43" customWidth="1"/>
    <col min="16142" max="16142" width="4.33203125" style="43" customWidth="1"/>
    <col min="16143" max="16143" width="11.83203125" style="43" customWidth="1"/>
    <col min="16144" max="16144" width="4.33203125" style="43" customWidth="1"/>
    <col min="16145" max="16145" width="11.83203125" style="43" customWidth="1"/>
    <col min="16146" max="16146" width="4.33203125" style="43" customWidth="1"/>
    <col min="16147" max="16147" width="11.83203125" style="43" customWidth="1"/>
    <col min="16148" max="16148" width="4.33203125" style="43" customWidth="1"/>
    <col min="16149" max="16149" width="11.83203125" style="43" customWidth="1"/>
    <col min="16150" max="16150" width="4.33203125" style="43" customWidth="1"/>
    <col min="16151" max="16151" width="11.83203125" style="43" customWidth="1"/>
    <col min="16152" max="16152" width="4.33203125" style="43" customWidth="1"/>
    <col min="16153" max="16153" width="11.83203125" style="43" customWidth="1"/>
    <col min="16154" max="16154" width="4.33203125" style="43" customWidth="1"/>
    <col min="16155" max="16155" width="11.83203125" style="43" customWidth="1"/>
    <col min="16156" max="16156" width="4.33203125" style="43" customWidth="1"/>
    <col min="16157" max="16157" width="11.83203125" style="43" customWidth="1"/>
    <col min="16158" max="16158" width="4.33203125" style="43" customWidth="1"/>
    <col min="16159" max="16159" width="11.83203125" style="43" customWidth="1"/>
    <col min="16160" max="16160" width="4.33203125" style="43" customWidth="1"/>
    <col min="16161" max="16161" width="11.83203125" style="43" customWidth="1"/>
    <col min="16162" max="16162" width="4.33203125" style="43" customWidth="1"/>
    <col min="16163" max="16163" width="11.83203125" style="43" customWidth="1"/>
    <col min="16164" max="16164" width="4.33203125" style="43" customWidth="1"/>
    <col min="16165" max="16165" width="11.83203125" style="43" customWidth="1"/>
    <col min="16166" max="16166" width="4.33203125" style="43" customWidth="1"/>
    <col min="16167" max="16167" width="11.83203125" style="43" customWidth="1"/>
    <col min="16168" max="16168" width="4.33203125" style="43" customWidth="1"/>
    <col min="16169" max="16169" width="11.83203125" style="43" customWidth="1"/>
    <col min="16170" max="16170" width="4.33203125" style="43" customWidth="1"/>
    <col min="16171" max="16171" width="11.83203125" style="43" customWidth="1"/>
    <col min="16172" max="16172" width="4.33203125" style="43" customWidth="1"/>
    <col min="16173" max="16173" width="11.83203125" style="43" customWidth="1"/>
    <col min="16174" max="16174" width="4.33203125" style="43" customWidth="1"/>
    <col min="16175" max="16175" width="11.83203125" style="43" customWidth="1"/>
    <col min="16176" max="16176" width="4.33203125" style="43" customWidth="1"/>
    <col min="16177" max="16177" width="11.83203125" style="43" customWidth="1"/>
    <col min="16178" max="16178" width="4.33203125" style="43" customWidth="1"/>
    <col min="16179" max="16179" width="11.83203125" style="43" customWidth="1"/>
    <col min="16180" max="16180" width="4.33203125" style="43" customWidth="1"/>
    <col min="16181" max="16181" width="11.83203125" style="43" customWidth="1"/>
    <col min="16182" max="16182" width="4.33203125" style="43" customWidth="1"/>
    <col min="16183" max="16183" width="11.83203125" style="43" customWidth="1"/>
    <col min="16184" max="16184" width="4.33203125" style="43" customWidth="1"/>
    <col min="16185" max="16185" width="11.83203125" style="43" customWidth="1"/>
    <col min="16186" max="16186" width="4.33203125" style="43" customWidth="1"/>
    <col min="16187" max="16187" width="11.83203125" style="43" customWidth="1"/>
    <col min="16188" max="16188" width="4.33203125" style="43" customWidth="1"/>
    <col min="16189" max="16189" width="11.83203125" style="43" customWidth="1"/>
    <col min="16190" max="16190" width="4.33203125" style="43" customWidth="1"/>
    <col min="16191" max="16191" width="11.83203125" style="43" customWidth="1"/>
    <col min="16192" max="16192" width="4.33203125" style="43" customWidth="1"/>
    <col min="16193" max="16193" width="11.83203125" style="43" customWidth="1"/>
    <col min="16194" max="16194" width="4.33203125" style="43" customWidth="1"/>
    <col min="16195" max="16195" width="11.83203125" style="43" customWidth="1"/>
    <col min="16196" max="16196" width="4.33203125" style="43" customWidth="1"/>
    <col min="16197" max="16197" width="11.83203125" style="43" customWidth="1"/>
    <col min="16198" max="16198" width="4.33203125" style="43" customWidth="1"/>
    <col min="16199" max="16199" width="11.83203125" style="43" customWidth="1"/>
    <col min="16200" max="16200" width="4.33203125" style="43" customWidth="1"/>
    <col min="16201" max="16201" width="11.83203125" style="43" customWidth="1"/>
    <col min="16202" max="16292" width="5.33203125" style="43" customWidth="1"/>
    <col min="16293" max="16298" width="1.33203125" style="43" customWidth="1"/>
    <col min="16299" max="16299" width="8.08203125" style="43" customWidth="1"/>
    <col min="16300" max="16300" width="4.33203125" style="43" customWidth="1"/>
    <col min="16301" max="16301" width="11.83203125" style="43" customWidth="1"/>
    <col min="16302" max="16302" width="4.33203125" style="43" customWidth="1"/>
    <col min="16303" max="16303" width="11.83203125" style="43" customWidth="1"/>
    <col min="16304" max="16304" width="4.33203125" style="43" customWidth="1"/>
    <col min="16305" max="16305" width="11.83203125" style="43" customWidth="1"/>
    <col min="16306" max="16306" width="4.33203125" style="43" customWidth="1"/>
    <col min="16307" max="16307" width="11.83203125" style="43" customWidth="1"/>
    <col min="16308" max="16308" width="4.33203125" style="43" customWidth="1"/>
    <col min="16309" max="16309" width="11.83203125" style="43" customWidth="1"/>
    <col min="16310" max="16310" width="4.33203125" style="43" customWidth="1"/>
    <col min="16311" max="16311" width="11.83203125" style="43" customWidth="1"/>
    <col min="16312" max="16312" width="4.33203125" style="43" customWidth="1"/>
    <col min="16313" max="16313" width="11.83203125" style="43" customWidth="1"/>
    <col min="16314" max="16314" width="4.33203125" style="43" customWidth="1"/>
    <col min="16315" max="16315" width="11.83203125" style="43" customWidth="1"/>
    <col min="16316" max="16316" width="4.33203125" style="43" customWidth="1"/>
    <col min="16317" max="16317" width="11.83203125" style="43" customWidth="1"/>
    <col min="16318" max="16318" width="4.33203125" style="43" customWidth="1"/>
    <col min="16319" max="16319" width="11.83203125" style="43" customWidth="1"/>
    <col min="16320" max="16320" width="4.33203125" style="43" customWidth="1"/>
    <col min="16321" max="16321" width="11.83203125" style="43" customWidth="1"/>
    <col min="16322" max="16322" width="4.33203125" style="43" customWidth="1"/>
    <col min="16323" max="16323" width="11.83203125" style="43" customWidth="1"/>
    <col min="16324" max="16324" width="4.33203125" style="43" customWidth="1"/>
    <col min="16325" max="16325" width="11.83203125" style="43" customWidth="1"/>
    <col min="16326" max="16326" width="4.33203125" style="43" customWidth="1"/>
    <col min="16327" max="16327" width="11.83203125" style="43" customWidth="1"/>
    <col min="16328" max="16328" width="4.33203125" style="43" customWidth="1"/>
    <col min="16329" max="16329" width="11.83203125" style="43" customWidth="1"/>
    <col min="16330" max="16330" width="4.33203125" style="43" customWidth="1"/>
    <col min="16331" max="16331" width="11.83203125" style="43" customWidth="1"/>
    <col min="16332" max="16332" width="4.33203125" style="43" customWidth="1"/>
    <col min="16333" max="16333" width="11.83203125" style="43" customWidth="1"/>
    <col min="16334" max="16334" width="4.33203125" style="43" customWidth="1"/>
    <col min="16335" max="16384" width="4.33203125" style="43"/>
  </cols>
  <sheetData>
    <row r="1" spans="1:115" ht="10" customHeight="1">
      <c r="A1" s="486" t="s">
        <v>584</v>
      </c>
      <c r="B1" s="487"/>
      <c r="C1" s="487"/>
      <c r="D1" s="487"/>
      <c r="E1" s="488"/>
      <c r="F1" s="481" t="s">
        <v>250</v>
      </c>
      <c r="G1" s="481"/>
      <c r="H1" s="483" t="s">
        <v>251</v>
      </c>
      <c r="I1" s="483"/>
      <c r="J1" s="483" t="s">
        <v>252</v>
      </c>
      <c r="K1" s="483"/>
      <c r="L1" s="481" t="s">
        <v>253</v>
      </c>
      <c r="M1" s="483"/>
      <c r="N1" s="480" t="s">
        <v>254</v>
      </c>
      <c r="O1" s="482"/>
      <c r="P1" s="483" t="s">
        <v>255</v>
      </c>
      <c r="Q1" s="483"/>
      <c r="R1" s="483" t="s">
        <v>256</v>
      </c>
      <c r="S1" s="483"/>
      <c r="T1" s="483" t="s">
        <v>257</v>
      </c>
      <c r="U1" s="483"/>
      <c r="V1" s="483" t="s">
        <v>258</v>
      </c>
      <c r="W1" s="483"/>
      <c r="X1" s="483" t="s">
        <v>259</v>
      </c>
      <c r="Y1" s="483"/>
      <c r="Z1" s="483" t="s">
        <v>260</v>
      </c>
      <c r="AA1" s="483"/>
      <c r="AB1" s="483" t="s">
        <v>261</v>
      </c>
      <c r="AC1" s="483"/>
      <c r="AD1" s="482" t="s">
        <v>262</v>
      </c>
      <c r="AE1" s="482"/>
      <c r="AF1" s="482" t="s">
        <v>263</v>
      </c>
      <c r="AG1" s="482"/>
      <c r="AH1" s="482" t="s">
        <v>264</v>
      </c>
      <c r="AI1" s="482"/>
      <c r="AJ1" s="482" t="s">
        <v>265</v>
      </c>
      <c r="AK1" s="482"/>
      <c r="AL1" s="483" t="s">
        <v>266</v>
      </c>
      <c r="AM1" s="483"/>
      <c r="AN1" s="483" t="s">
        <v>585</v>
      </c>
      <c r="AO1" s="483"/>
      <c r="AP1" s="483" t="s">
        <v>267</v>
      </c>
      <c r="AQ1" s="483"/>
      <c r="AR1" s="484" t="s">
        <v>268</v>
      </c>
      <c r="AS1" s="485"/>
      <c r="AT1" s="482" t="s">
        <v>269</v>
      </c>
      <c r="AU1" s="482"/>
      <c r="AV1" s="483" t="s">
        <v>270</v>
      </c>
      <c r="AW1" s="483"/>
      <c r="AX1" s="483" t="s">
        <v>271</v>
      </c>
      <c r="AY1" s="483"/>
      <c r="AZ1" s="483" t="s">
        <v>272</v>
      </c>
      <c r="BA1" s="483"/>
      <c r="BB1" s="483" t="s">
        <v>273</v>
      </c>
      <c r="BC1" s="483"/>
      <c r="BD1" s="482" t="s">
        <v>274</v>
      </c>
      <c r="BE1" s="482"/>
      <c r="BF1" s="483" t="s">
        <v>275</v>
      </c>
      <c r="BG1" s="483"/>
      <c r="BH1" s="483" t="s">
        <v>276</v>
      </c>
      <c r="BI1" s="483"/>
      <c r="BJ1" s="482" t="s">
        <v>277</v>
      </c>
      <c r="BK1" s="482"/>
      <c r="BL1" s="483" t="s">
        <v>278</v>
      </c>
      <c r="BM1" s="483"/>
      <c r="BN1" s="483" t="s">
        <v>279</v>
      </c>
      <c r="BO1" s="483"/>
      <c r="BP1" s="483" t="s">
        <v>280</v>
      </c>
      <c r="BQ1" s="483"/>
      <c r="BR1" s="481" t="s">
        <v>281</v>
      </c>
      <c r="BS1" s="481"/>
      <c r="BT1" s="483" t="s">
        <v>282</v>
      </c>
      <c r="BU1" s="483"/>
      <c r="BV1" s="482" t="s">
        <v>283</v>
      </c>
      <c r="BW1" s="482"/>
      <c r="BX1" s="483" t="s">
        <v>284</v>
      </c>
      <c r="BY1" s="483"/>
      <c r="BZ1" s="483" t="s">
        <v>285</v>
      </c>
      <c r="CA1" s="483"/>
      <c r="CB1" s="483" t="s">
        <v>286</v>
      </c>
      <c r="CC1" s="483"/>
      <c r="CD1" s="483" t="s">
        <v>287</v>
      </c>
      <c r="CE1" s="483"/>
      <c r="CF1" s="483" t="s">
        <v>288</v>
      </c>
      <c r="CG1" s="483"/>
      <c r="CH1" s="483" t="s">
        <v>289</v>
      </c>
      <c r="CI1" s="483"/>
      <c r="CJ1" s="482" t="s">
        <v>290</v>
      </c>
      <c r="CK1" s="482"/>
      <c r="CL1" s="483" t="s">
        <v>291</v>
      </c>
      <c r="CM1" s="483"/>
      <c r="CN1" s="483" t="s">
        <v>292</v>
      </c>
      <c r="CO1" s="483"/>
      <c r="CP1" s="480" t="s">
        <v>293</v>
      </c>
      <c r="CQ1" s="480"/>
      <c r="CR1" s="482" t="s">
        <v>294</v>
      </c>
      <c r="CS1" s="482"/>
      <c r="CT1" s="483" t="s">
        <v>295</v>
      </c>
      <c r="CU1" s="483"/>
      <c r="CV1" s="482" t="s">
        <v>296</v>
      </c>
      <c r="CW1" s="482"/>
      <c r="CX1" s="483" t="s">
        <v>297</v>
      </c>
      <c r="CY1" s="483"/>
      <c r="CZ1" s="482" t="s">
        <v>298</v>
      </c>
      <c r="DA1" s="482"/>
      <c r="DB1" s="484" t="s">
        <v>299</v>
      </c>
      <c r="DC1" s="485"/>
      <c r="DD1" s="481" t="s">
        <v>300</v>
      </c>
      <c r="DE1" s="481"/>
      <c r="DF1" s="481" t="s">
        <v>301</v>
      </c>
      <c r="DG1" s="481"/>
      <c r="DH1" s="480" t="s">
        <v>302</v>
      </c>
      <c r="DI1" s="480"/>
      <c r="DJ1" s="481" t="s">
        <v>586</v>
      </c>
      <c r="DK1" s="481"/>
    </row>
    <row r="2" spans="1:115" ht="10" customHeight="1">
      <c r="A2" s="489"/>
      <c r="B2" s="490"/>
      <c r="C2" s="490"/>
      <c r="D2" s="490"/>
      <c r="E2" s="491"/>
      <c r="F2" s="472"/>
      <c r="G2" s="472"/>
      <c r="H2" s="472"/>
      <c r="I2" s="472"/>
      <c r="J2" s="472"/>
      <c r="K2" s="472"/>
      <c r="L2" s="472"/>
      <c r="M2" s="472"/>
      <c r="N2" s="473"/>
      <c r="O2" s="473"/>
      <c r="P2" s="472"/>
      <c r="Q2" s="472"/>
      <c r="R2" s="472"/>
      <c r="S2" s="472"/>
      <c r="T2" s="472"/>
      <c r="U2" s="472"/>
      <c r="V2" s="472"/>
      <c r="W2" s="472"/>
      <c r="X2" s="472"/>
      <c r="Y2" s="472"/>
      <c r="Z2" s="472"/>
      <c r="AA2" s="472"/>
      <c r="AB2" s="472"/>
      <c r="AC2" s="472"/>
      <c r="AD2" s="473"/>
      <c r="AE2" s="473"/>
      <c r="AF2" s="473"/>
      <c r="AG2" s="473"/>
      <c r="AH2" s="473"/>
      <c r="AI2" s="473"/>
      <c r="AJ2" s="473"/>
      <c r="AK2" s="473"/>
      <c r="AL2" s="472"/>
      <c r="AM2" s="472"/>
      <c r="AN2" s="472"/>
      <c r="AO2" s="472"/>
      <c r="AP2" s="472"/>
      <c r="AQ2" s="472"/>
      <c r="AR2" s="273"/>
      <c r="AS2" s="274"/>
      <c r="AT2" s="473"/>
      <c r="AU2" s="473"/>
      <c r="AV2" s="472"/>
      <c r="AW2" s="472"/>
      <c r="AX2" s="472"/>
      <c r="AY2" s="472"/>
      <c r="AZ2" s="472"/>
      <c r="BA2" s="472"/>
      <c r="BB2" s="472"/>
      <c r="BC2" s="472"/>
      <c r="BD2" s="473"/>
      <c r="BE2" s="473"/>
      <c r="BF2" s="472"/>
      <c r="BG2" s="472"/>
      <c r="BH2" s="472"/>
      <c r="BI2" s="472"/>
      <c r="BJ2" s="473"/>
      <c r="BK2" s="473"/>
      <c r="BL2" s="472"/>
      <c r="BM2" s="472"/>
      <c r="BN2" s="472"/>
      <c r="BO2" s="472"/>
      <c r="BP2" s="472"/>
      <c r="BQ2" s="472"/>
      <c r="BR2" s="472"/>
      <c r="BS2" s="472"/>
      <c r="BT2" s="472"/>
      <c r="BU2" s="472"/>
      <c r="BV2" s="473"/>
      <c r="BW2" s="473"/>
      <c r="BX2" s="472"/>
      <c r="BY2" s="472"/>
      <c r="BZ2" s="472"/>
      <c r="CA2" s="472"/>
      <c r="CB2" s="472"/>
      <c r="CC2" s="472"/>
      <c r="CD2" s="472"/>
      <c r="CE2" s="472"/>
      <c r="CF2" s="472"/>
      <c r="CG2" s="472"/>
      <c r="CH2" s="472"/>
      <c r="CI2" s="472"/>
      <c r="CJ2" s="473"/>
      <c r="CK2" s="473"/>
      <c r="CL2" s="472"/>
      <c r="CM2" s="472"/>
      <c r="CN2" s="472"/>
      <c r="CO2" s="472"/>
      <c r="CP2" s="473"/>
      <c r="CQ2" s="473"/>
      <c r="CR2" s="473"/>
      <c r="CS2" s="473"/>
      <c r="CT2" s="472"/>
      <c r="CU2" s="472"/>
      <c r="CV2" s="473"/>
      <c r="CW2" s="473"/>
      <c r="CX2" s="472"/>
      <c r="CY2" s="472"/>
      <c r="CZ2" s="473"/>
      <c r="DA2" s="473"/>
      <c r="DB2" s="273"/>
      <c r="DC2" s="274"/>
      <c r="DD2" s="472" t="s">
        <v>303</v>
      </c>
      <c r="DE2" s="472"/>
      <c r="DF2" s="472" t="s">
        <v>303</v>
      </c>
      <c r="DG2" s="472"/>
      <c r="DH2" s="473" t="s">
        <v>303</v>
      </c>
      <c r="DI2" s="473"/>
      <c r="DJ2" s="472"/>
      <c r="DK2" s="472"/>
    </row>
    <row r="3" spans="1:115" ht="10" customHeight="1">
      <c r="A3" s="474" t="s">
        <v>304</v>
      </c>
      <c r="B3" s="400" t="s">
        <v>305</v>
      </c>
      <c r="C3" s="403" t="s">
        <v>306</v>
      </c>
      <c r="D3" s="479"/>
      <c r="E3" s="404"/>
      <c r="F3" s="193"/>
      <c r="G3" s="192">
        <v>8</v>
      </c>
      <c r="H3" s="193"/>
      <c r="I3" s="192"/>
      <c r="J3" s="193"/>
      <c r="K3" s="192">
        <v>10</v>
      </c>
      <c r="L3" s="193"/>
      <c r="M3" s="192">
        <v>10</v>
      </c>
      <c r="N3" s="85"/>
      <c r="O3" s="86">
        <v>6</v>
      </c>
      <c r="P3" s="193"/>
      <c r="Q3" s="192"/>
      <c r="R3" s="193"/>
      <c r="S3" s="192"/>
      <c r="T3" s="193"/>
      <c r="U3" s="192"/>
      <c r="V3" s="193"/>
      <c r="W3" s="192">
        <v>10</v>
      </c>
      <c r="X3" s="193" t="s">
        <v>587</v>
      </c>
      <c r="Y3" s="192">
        <v>10</v>
      </c>
      <c r="Z3" s="193" t="s">
        <v>307</v>
      </c>
      <c r="AA3" s="192">
        <v>8</v>
      </c>
      <c r="AB3" s="193"/>
      <c r="AC3" s="192"/>
      <c r="AD3" s="85"/>
      <c r="AE3" s="86">
        <v>10</v>
      </c>
      <c r="AF3" s="87" t="s">
        <v>307</v>
      </c>
      <c r="AG3" s="88">
        <v>8</v>
      </c>
      <c r="AH3" s="85"/>
      <c r="AI3" s="86"/>
      <c r="AJ3" s="85" t="s">
        <v>307</v>
      </c>
      <c r="AK3" s="86"/>
      <c r="AL3" s="193" t="s">
        <v>587</v>
      </c>
      <c r="AM3" s="192">
        <v>10</v>
      </c>
      <c r="AN3" s="193" t="s">
        <v>308</v>
      </c>
      <c r="AO3" s="192">
        <v>10</v>
      </c>
      <c r="AP3" s="85"/>
      <c r="AQ3" s="86"/>
      <c r="AR3" s="85"/>
      <c r="AS3" s="86"/>
      <c r="AT3" s="85"/>
      <c r="AU3" s="86"/>
      <c r="AV3" s="193"/>
      <c r="AW3" s="192"/>
      <c r="AX3" s="85"/>
      <c r="AY3" s="86">
        <v>10</v>
      </c>
      <c r="AZ3" s="85"/>
      <c r="BA3" s="86"/>
      <c r="BB3" s="193"/>
      <c r="BC3" s="192"/>
      <c r="BD3" s="85"/>
      <c r="BE3" s="86">
        <v>8</v>
      </c>
      <c r="BF3" s="193"/>
      <c r="BG3" s="192">
        <v>10</v>
      </c>
      <c r="BH3" s="193" t="s">
        <v>307</v>
      </c>
      <c r="BI3" s="192"/>
      <c r="BJ3" s="85" t="s">
        <v>309</v>
      </c>
      <c r="BK3" s="86">
        <v>10</v>
      </c>
      <c r="BL3" s="193"/>
      <c r="BM3" s="192"/>
      <c r="BN3" s="193"/>
      <c r="BO3" s="192"/>
      <c r="BP3" s="87" t="s">
        <v>307</v>
      </c>
      <c r="BQ3" s="86"/>
      <c r="BR3" s="85"/>
      <c r="BS3" s="86"/>
      <c r="BT3" s="193"/>
      <c r="BU3" s="192">
        <v>8</v>
      </c>
      <c r="BV3" s="85" t="s">
        <v>307</v>
      </c>
      <c r="BW3" s="86">
        <v>10</v>
      </c>
      <c r="BX3" s="193"/>
      <c r="BY3" s="192">
        <v>5</v>
      </c>
      <c r="BZ3" s="193"/>
      <c r="CA3" s="192"/>
      <c r="CB3" s="193"/>
      <c r="CC3" s="192">
        <v>10</v>
      </c>
      <c r="CD3" s="193" t="s">
        <v>307</v>
      </c>
      <c r="CE3" s="192">
        <v>10</v>
      </c>
      <c r="CF3" s="193" t="s">
        <v>307</v>
      </c>
      <c r="CG3" s="192">
        <v>5</v>
      </c>
      <c r="CH3" s="85"/>
      <c r="CI3" s="86">
        <v>10</v>
      </c>
      <c r="CJ3" s="85"/>
      <c r="CK3" s="89">
        <v>10</v>
      </c>
      <c r="CL3" s="193"/>
      <c r="CM3" s="86">
        <v>10</v>
      </c>
      <c r="CN3" s="193"/>
      <c r="CO3" s="192">
        <v>10</v>
      </c>
      <c r="CP3" s="85"/>
      <c r="CQ3" s="192">
        <v>5</v>
      </c>
      <c r="CR3" s="85"/>
      <c r="CS3" s="192">
        <v>0</v>
      </c>
      <c r="CT3" s="193"/>
      <c r="CU3" s="192">
        <v>10</v>
      </c>
      <c r="CV3" s="85" t="s">
        <v>307</v>
      </c>
      <c r="CW3" s="86">
        <v>10</v>
      </c>
      <c r="CX3" s="195"/>
      <c r="CY3" s="194"/>
      <c r="CZ3" s="85"/>
      <c r="DA3" s="86">
        <v>10</v>
      </c>
      <c r="DB3" s="85"/>
      <c r="DC3" s="86">
        <v>5</v>
      </c>
      <c r="DD3" s="193" t="s">
        <v>307</v>
      </c>
      <c r="DE3" s="192">
        <v>8</v>
      </c>
      <c r="DF3" s="193" t="s">
        <v>310</v>
      </c>
      <c r="DG3" s="192"/>
      <c r="DH3" s="85"/>
      <c r="DI3" s="86"/>
      <c r="DJ3" s="193"/>
      <c r="DK3" s="192"/>
    </row>
    <row r="4" spans="1:115" ht="10" customHeight="1">
      <c r="A4" s="475"/>
      <c r="B4" s="401"/>
      <c r="C4" s="377" t="s">
        <v>311</v>
      </c>
      <c r="D4" s="324"/>
      <c r="E4" s="467"/>
      <c r="F4" s="181" t="s">
        <v>307</v>
      </c>
      <c r="G4" s="180">
        <v>890</v>
      </c>
      <c r="H4" s="181" t="s">
        <v>307</v>
      </c>
      <c r="I4" s="180">
        <v>250</v>
      </c>
      <c r="J4" s="181" t="s">
        <v>307</v>
      </c>
      <c r="K4" s="180">
        <v>1320</v>
      </c>
      <c r="L4" s="181" t="s">
        <v>307</v>
      </c>
      <c r="M4" s="180">
        <v>1111</v>
      </c>
      <c r="N4" s="90" t="s">
        <v>307</v>
      </c>
      <c r="O4" s="91">
        <v>1430</v>
      </c>
      <c r="P4" s="181" t="s">
        <v>307</v>
      </c>
      <c r="Q4" s="180">
        <v>240</v>
      </c>
      <c r="R4" s="181" t="s">
        <v>307</v>
      </c>
      <c r="S4" s="180">
        <v>600</v>
      </c>
      <c r="T4" s="181" t="s">
        <v>307</v>
      </c>
      <c r="U4" s="180">
        <v>440</v>
      </c>
      <c r="V4" s="181" t="s">
        <v>307</v>
      </c>
      <c r="W4" s="91">
        <v>990</v>
      </c>
      <c r="X4" s="181" t="s">
        <v>588</v>
      </c>
      <c r="Y4" s="180">
        <v>750</v>
      </c>
      <c r="Z4" s="181" t="s">
        <v>312</v>
      </c>
      <c r="AA4" s="180">
        <v>850</v>
      </c>
      <c r="AB4" s="181" t="s">
        <v>307</v>
      </c>
      <c r="AC4" s="180">
        <v>450</v>
      </c>
      <c r="AD4" s="90" t="s">
        <v>307</v>
      </c>
      <c r="AE4" s="91">
        <v>1250</v>
      </c>
      <c r="AF4" s="92" t="s">
        <v>312</v>
      </c>
      <c r="AG4" s="93">
        <v>980</v>
      </c>
      <c r="AH4" s="90" t="s">
        <v>307</v>
      </c>
      <c r="AI4" s="91">
        <v>550</v>
      </c>
      <c r="AJ4" s="90" t="s">
        <v>312</v>
      </c>
      <c r="AK4" s="91">
        <v>700</v>
      </c>
      <c r="AL4" s="181" t="s">
        <v>588</v>
      </c>
      <c r="AM4" s="180">
        <v>750</v>
      </c>
      <c r="AN4" s="181"/>
      <c r="AO4" s="180">
        <v>900</v>
      </c>
      <c r="AP4" s="90" t="s">
        <v>307</v>
      </c>
      <c r="AQ4" s="91">
        <v>450</v>
      </c>
      <c r="AR4" s="90" t="s">
        <v>307</v>
      </c>
      <c r="AS4" s="91">
        <v>250</v>
      </c>
      <c r="AT4" s="90" t="s">
        <v>307</v>
      </c>
      <c r="AU4" s="180">
        <v>450</v>
      </c>
      <c r="AV4" s="181" t="s">
        <v>307</v>
      </c>
      <c r="AW4" s="180">
        <v>550</v>
      </c>
      <c r="AX4" s="90" t="s">
        <v>307</v>
      </c>
      <c r="AY4" s="91">
        <v>765</v>
      </c>
      <c r="AZ4" s="90" t="s">
        <v>307</v>
      </c>
      <c r="BA4" s="91">
        <v>470</v>
      </c>
      <c r="BB4" s="181" t="s">
        <v>307</v>
      </c>
      <c r="BC4" s="180">
        <v>910</v>
      </c>
      <c r="BD4" s="90" t="s">
        <v>307</v>
      </c>
      <c r="BE4" s="91">
        <v>800</v>
      </c>
      <c r="BF4" s="181" t="s">
        <v>587</v>
      </c>
      <c r="BG4" s="180">
        <v>900</v>
      </c>
      <c r="BH4" s="181" t="s">
        <v>312</v>
      </c>
      <c r="BI4" s="180">
        <v>780</v>
      </c>
      <c r="BJ4" s="90" t="s">
        <v>313</v>
      </c>
      <c r="BK4" s="91">
        <v>1160</v>
      </c>
      <c r="BL4" s="181" t="s">
        <v>307</v>
      </c>
      <c r="BM4" s="180">
        <v>600</v>
      </c>
      <c r="BN4" s="181" t="s">
        <v>307</v>
      </c>
      <c r="BO4" s="180">
        <v>550</v>
      </c>
      <c r="BP4" s="90" t="s">
        <v>312</v>
      </c>
      <c r="BQ4" s="91">
        <v>1000</v>
      </c>
      <c r="BR4" s="90" t="s">
        <v>307</v>
      </c>
      <c r="BS4" s="91">
        <v>357</v>
      </c>
      <c r="BT4" s="181" t="s">
        <v>307</v>
      </c>
      <c r="BU4" s="180">
        <v>1090</v>
      </c>
      <c r="BV4" s="90" t="s">
        <v>312</v>
      </c>
      <c r="BW4" s="91">
        <v>1200</v>
      </c>
      <c r="BX4" s="181" t="s">
        <v>307</v>
      </c>
      <c r="BY4" s="180">
        <v>425</v>
      </c>
      <c r="BZ4" s="181" t="s">
        <v>307</v>
      </c>
      <c r="CA4" s="180">
        <v>958</v>
      </c>
      <c r="CB4" s="181" t="s">
        <v>307</v>
      </c>
      <c r="CC4" s="180">
        <v>1550</v>
      </c>
      <c r="CD4" s="181" t="s">
        <v>312</v>
      </c>
      <c r="CE4" s="180">
        <v>800</v>
      </c>
      <c r="CF4" s="181" t="s">
        <v>312</v>
      </c>
      <c r="CG4" s="180">
        <v>500</v>
      </c>
      <c r="CH4" s="90" t="s">
        <v>587</v>
      </c>
      <c r="CI4" s="91">
        <v>1290</v>
      </c>
      <c r="CJ4" s="90" t="s">
        <v>307</v>
      </c>
      <c r="CK4" s="94">
        <v>688</v>
      </c>
      <c r="CL4" s="181" t="s">
        <v>587</v>
      </c>
      <c r="CM4" s="91">
        <v>1180</v>
      </c>
      <c r="CN4" s="181" t="s">
        <v>307</v>
      </c>
      <c r="CO4" s="180">
        <v>880</v>
      </c>
      <c r="CP4" s="90" t="s">
        <v>307</v>
      </c>
      <c r="CQ4" s="180">
        <v>1520</v>
      </c>
      <c r="CR4" s="90" t="s">
        <v>309</v>
      </c>
      <c r="CS4" s="180">
        <v>500</v>
      </c>
      <c r="CT4" s="181" t="s">
        <v>309</v>
      </c>
      <c r="CU4" s="180">
        <v>1200</v>
      </c>
      <c r="CV4" s="90" t="s">
        <v>312</v>
      </c>
      <c r="CW4" s="91">
        <v>1100</v>
      </c>
      <c r="CX4" s="183" t="s">
        <v>307</v>
      </c>
      <c r="CY4" s="182">
        <v>1280</v>
      </c>
      <c r="CZ4" s="90" t="s">
        <v>307</v>
      </c>
      <c r="DA4" s="91">
        <v>1330</v>
      </c>
      <c r="DB4" s="90" t="s">
        <v>307</v>
      </c>
      <c r="DC4" s="91">
        <v>650</v>
      </c>
      <c r="DD4" s="181" t="s">
        <v>312</v>
      </c>
      <c r="DE4" s="180">
        <v>830</v>
      </c>
      <c r="DF4" s="181" t="s">
        <v>314</v>
      </c>
      <c r="DG4" s="180">
        <v>670</v>
      </c>
      <c r="DH4" s="90" t="s">
        <v>587</v>
      </c>
      <c r="DI4" s="91">
        <v>520</v>
      </c>
      <c r="DJ4" s="181" t="s">
        <v>307</v>
      </c>
      <c r="DK4" s="180">
        <v>980</v>
      </c>
    </row>
    <row r="5" spans="1:115" ht="10" customHeight="1">
      <c r="A5" s="475"/>
      <c r="B5" s="401"/>
      <c r="C5" s="377" t="s">
        <v>315</v>
      </c>
      <c r="D5" s="324"/>
      <c r="E5" s="467"/>
      <c r="F5" s="146"/>
      <c r="G5" s="180"/>
      <c r="H5" s="146"/>
      <c r="I5" s="180"/>
      <c r="J5" s="146"/>
      <c r="K5" s="180"/>
      <c r="L5" s="146"/>
      <c r="M5" s="180"/>
      <c r="N5" s="95"/>
      <c r="O5" s="91"/>
      <c r="P5" s="146"/>
      <c r="Q5" s="180"/>
      <c r="R5" s="146"/>
      <c r="S5" s="180"/>
      <c r="T5" s="146"/>
      <c r="U5" s="180"/>
      <c r="V5" s="146"/>
      <c r="W5" s="91"/>
      <c r="X5" s="146" t="s">
        <v>589</v>
      </c>
      <c r="Y5" s="180"/>
      <c r="Z5" s="146" t="s">
        <v>316</v>
      </c>
      <c r="AA5" s="180"/>
      <c r="AB5" s="146"/>
      <c r="AC5" s="180"/>
      <c r="AD5" s="95"/>
      <c r="AE5" s="91"/>
      <c r="AF5" s="96" t="s">
        <v>316</v>
      </c>
      <c r="AG5" s="93"/>
      <c r="AH5" s="95"/>
      <c r="AI5" s="91"/>
      <c r="AJ5" s="95" t="s">
        <v>316</v>
      </c>
      <c r="AK5" s="91"/>
      <c r="AL5" s="146" t="s">
        <v>590</v>
      </c>
      <c r="AM5" s="180"/>
      <c r="AN5" s="146"/>
      <c r="AO5" s="180"/>
      <c r="AP5" s="95"/>
      <c r="AQ5" s="91"/>
      <c r="AR5" s="95"/>
      <c r="AS5" s="91"/>
      <c r="AT5" s="95"/>
      <c r="AU5" s="180"/>
      <c r="AV5" s="146"/>
      <c r="AW5" s="180"/>
      <c r="AX5" s="95"/>
      <c r="AY5" s="91"/>
      <c r="AZ5" s="95"/>
      <c r="BA5" s="91"/>
      <c r="BB5" s="146"/>
      <c r="BC5" s="180"/>
      <c r="BD5" s="95"/>
      <c r="BE5" s="91"/>
      <c r="BF5" s="146"/>
      <c r="BG5" s="180"/>
      <c r="BH5" s="146" t="s">
        <v>316</v>
      </c>
      <c r="BI5" s="180"/>
      <c r="BJ5" s="95"/>
      <c r="BK5" s="91"/>
      <c r="BL5" s="146"/>
      <c r="BM5" s="180"/>
      <c r="BN5" s="146"/>
      <c r="BO5" s="180"/>
      <c r="BP5" s="95" t="s">
        <v>316</v>
      </c>
      <c r="BQ5" s="91"/>
      <c r="BR5" s="95"/>
      <c r="BS5" s="91"/>
      <c r="BT5" s="146"/>
      <c r="BU5" s="180"/>
      <c r="BV5" s="95" t="s">
        <v>316</v>
      </c>
      <c r="BW5" s="91"/>
      <c r="BX5" s="146"/>
      <c r="BY5" s="180"/>
      <c r="BZ5" s="146"/>
      <c r="CA5" s="180"/>
      <c r="CB5" s="146"/>
      <c r="CC5" s="180"/>
      <c r="CD5" s="146" t="s">
        <v>316</v>
      </c>
      <c r="CE5" s="180"/>
      <c r="CF5" s="146" t="s">
        <v>316</v>
      </c>
      <c r="CG5" s="180"/>
      <c r="CH5" s="95"/>
      <c r="CI5" s="91"/>
      <c r="CJ5" s="95"/>
      <c r="CK5" s="94"/>
      <c r="CL5" s="146"/>
      <c r="CM5" s="91"/>
      <c r="CN5" s="146"/>
      <c r="CO5" s="180"/>
      <c r="CP5" s="95"/>
      <c r="CQ5" s="180"/>
      <c r="CR5" s="95"/>
      <c r="CS5" s="180"/>
      <c r="CT5" s="146"/>
      <c r="CU5" s="180"/>
      <c r="CV5" s="95" t="s">
        <v>316</v>
      </c>
      <c r="CW5" s="91"/>
      <c r="CX5" s="185"/>
      <c r="CY5" s="182"/>
      <c r="CZ5" s="95"/>
      <c r="DA5" s="91"/>
      <c r="DB5" s="95"/>
      <c r="DC5" s="91"/>
      <c r="DD5" s="146" t="s">
        <v>321</v>
      </c>
      <c r="DE5" s="180"/>
      <c r="DF5" s="146"/>
      <c r="DG5" s="180"/>
      <c r="DH5" s="95"/>
      <c r="DI5" s="91"/>
      <c r="DJ5" s="146"/>
      <c r="DK5" s="180"/>
    </row>
    <row r="6" spans="1:115" ht="10" customHeight="1">
      <c r="A6" s="475"/>
      <c r="B6" s="401"/>
      <c r="C6" s="377" t="s">
        <v>306</v>
      </c>
      <c r="D6" s="324"/>
      <c r="E6" s="325"/>
      <c r="F6" s="184"/>
      <c r="G6" s="180">
        <v>8</v>
      </c>
      <c r="H6" s="184"/>
      <c r="I6" s="180"/>
      <c r="J6" s="184" t="s">
        <v>621</v>
      </c>
      <c r="K6" s="180">
        <v>10</v>
      </c>
      <c r="L6" s="184"/>
      <c r="M6" s="180">
        <v>10</v>
      </c>
      <c r="N6" s="97"/>
      <c r="O6" s="91">
        <v>6</v>
      </c>
      <c r="P6" s="184"/>
      <c r="Q6" s="180"/>
      <c r="R6" s="184"/>
      <c r="S6" s="180"/>
      <c r="T6" s="184"/>
      <c r="U6" s="180"/>
      <c r="V6" s="184"/>
      <c r="W6" s="91">
        <v>10</v>
      </c>
      <c r="X6" s="184"/>
      <c r="Y6" s="180">
        <v>10</v>
      </c>
      <c r="Z6" s="184"/>
      <c r="AA6" s="180">
        <v>8</v>
      </c>
      <c r="AB6" s="184"/>
      <c r="AC6" s="180"/>
      <c r="AD6" s="97"/>
      <c r="AE6" s="91">
        <v>10</v>
      </c>
      <c r="AF6" s="98"/>
      <c r="AG6" s="93"/>
      <c r="AH6" s="97"/>
      <c r="AI6" s="91"/>
      <c r="AJ6" s="97"/>
      <c r="AK6" s="91"/>
      <c r="AL6" s="184"/>
      <c r="AM6" s="180">
        <v>10</v>
      </c>
      <c r="AN6" s="184" t="s">
        <v>319</v>
      </c>
      <c r="AO6" s="180">
        <v>10</v>
      </c>
      <c r="AP6" s="97"/>
      <c r="AQ6" s="91"/>
      <c r="AR6" s="97"/>
      <c r="AS6" s="91"/>
      <c r="AT6" s="97"/>
      <c r="AU6" s="180"/>
      <c r="AV6" s="184"/>
      <c r="AW6" s="180"/>
      <c r="AX6" s="97"/>
      <c r="AY6" s="91">
        <v>10</v>
      </c>
      <c r="AZ6" s="97"/>
      <c r="BA6" s="91"/>
      <c r="BB6" s="184"/>
      <c r="BC6" s="180"/>
      <c r="BD6" s="97"/>
      <c r="BE6" s="91">
        <v>8</v>
      </c>
      <c r="BF6" s="184"/>
      <c r="BG6" s="180">
        <v>10</v>
      </c>
      <c r="BH6" s="184"/>
      <c r="BI6" s="180"/>
      <c r="BJ6" s="97"/>
      <c r="BK6" s="91">
        <v>100</v>
      </c>
      <c r="BL6" s="184"/>
      <c r="BM6" s="180"/>
      <c r="BN6" s="184"/>
      <c r="BO6" s="180"/>
      <c r="BP6" s="97"/>
      <c r="BQ6" s="91"/>
      <c r="BR6" s="97"/>
      <c r="BS6" s="91"/>
      <c r="BT6" s="184"/>
      <c r="BU6" s="180">
        <v>8</v>
      </c>
      <c r="BV6" s="97"/>
      <c r="BW6" s="91"/>
      <c r="BX6" s="184"/>
      <c r="BY6" s="180">
        <v>5</v>
      </c>
      <c r="BZ6" s="184"/>
      <c r="CA6" s="180"/>
      <c r="CB6" s="184"/>
      <c r="CC6" s="180">
        <v>10</v>
      </c>
      <c r="CD6" s="184" t="s">
        <v>321</v>
      </c>
      <c r="CE6" s="180">
        <v>10</v>
      </c>
      <c r="CF6" s="184"/>
      <c r="CG6" s="180">
        <v>10</v>
      </c>
      <c r="CH6" s="97"/>
      <c r="CI6" s="91">
        <v>10</v>
      </c>
      <c r="CJ6" s="97"/>
      <c r="CK6" s="94">
        <v>10</v>
      </c>
      <c r="CL6" s="184"/>
      <c r="CM6" s="91">
        <v>10</v>
      </c>
      <c r="CN6" s="184"/>
      <c r="CO6" s="180">
        <v>10</v>
      </c>
      <c r="CP6" s="97"/>
      <c r="CQ6" s="180">
        <v>5</v>
      </c>
      <c r="CR6" s="97"/>
      <c r="CS6" s="190"/>
      <c r="CT6" s="184"/>
      <c r="CU6" s="180">
        <v>10</v>
      </c>
      <c r="CV6" s="97"/>
      <c r="CW6" s="91">
        <v>20</v>
      </c>
      <c r="CX6" s="186"/>
      <c r="CY6" s="182"/>
      <c r="CZ6" s="97"/>
      <c r="DA6" s="91">
        <v>10</v>
      </c>
      <c r="DB6" s="97"/>
      <c r="DC6" s="91">
        <v>5</v>
      </c>
      <c r="DD6" s="184"/>
      <c r="DE6" s="180"/>
      <c r="DF6" s="184"/>
      <c r="DG6" s="180"/>
      <c r="DH6" s="97"/>
      <c r="DI6" s="91"/>
      <c r="DJ6" s="184"/>
      <c r="DK6" s="180"/>
    </row>
    <row r="7" spans="1:115" ht="10" customHeight="1">
      <c r="A7" s="475"/>
      <c r="B7" s="401"/>
      <c r="C7" s="377" t="s">
        <v>311</v>
      </c>
      <c r="D7" s="324"/>
      <c r="E7" s="467"/>
      <c r="F7" s="181" t="s">
        <v>316</v>
      </c>
      <c r="G7" s="180">
        <v>1080</v>
      </c>
      <c r="H7" s="181" t="s">
        <v>316</v>
      </c>
      <c r="I7" s="180">
        <v>380</v>
      </c>
      <c r="J7" s="181" t="s">
        <v>312</v>
      </c>
      <c r="K7" s="180">
        <v>1386</v>
      </c>
      <c r="L7" s="181" t="s">
        <v>316</v>
      </c>
      <c r="M7" s="180">
        <v>1815</v>
      </c>
      <c r="N7" s="90" t="s">
        <v>316</v>
      </c>
      <c r="O7" s="91">
        <v>1540</v>
      </c>
      <c r="P7" s="181" t="s">
        <v>316</v>
      </c>
      <c r="Q7" s="180">
        <v>420</v>
      </c>
      <c r="R7" s="181" t="s">
        <v>316</v>
      </c>
      <c r="S7" s="180">
        <v>1000</v>
      </c>
      <c r="T7" s="181" t="s">
        <v>316</v>
      </c>
      <c r="U7" s="180">
        <v>607</v>
      </c>
      <c r="V7" s="181" t="s">
        <v>316</v>
      </c>
      <c r="W7" s="91">
        <v>1430</v>
      </c>
      <c r="X7" s="181" t="s">
        <v>591</v>
      </c>
      <c r="Y7" s="180">
        <v>5600</v>
      </c>
      <c r="Z7" s="181" t="s">
        <v>321</v>
      </c>
      <c r="AA7" s="180">
        <v>1400</v>
      </c>
      <c r="AB7" s="181" t="s">
        <v>316</v>
      </c>
      <c r="AC7" s="180">
        <v>600</v>
      </c>
      <c r="AD7" s="90" t="s">
        <v>316</v>
      </c>
      <c r="AE7" s="91">
        <v>1300</v>
      </c>
      <c r="AF7" s="92" t="s">
        <v>321</v>
      </c>
      <c r="AG7" s="93">
        <v>1500</v>
      </c>
      <c r="AH7" s="90" t="s">
        <v>316</v>
      </c>
      <c r="AI7" s="91">
        <v>660</v>
      </c>
      <c r="AJ7" s="90" t="s">
        <v>321</v>
      </c>
      <c r="AK7" s="91">
        <v>1650</v>
      </c>
      <c r="AL7" s="181" t="s">
        <v>589</v>
      </c>
      <c r="AM7" s="180">
        <v>2100</v>
      </c>
      <c r="AN7" s="181" t="s">
        <v>322</v>
      </c>
      <c r="AO7" s="180">
        <v>1250</v>
      </c>
      <c r="AP7" s="90" t="s">
        <v>316</v>
      </c>
      <c r="AQ7" s="91">
        <v>830</v>
      </c>
      <c r="AR7" s="90" t="s">
        <v>316</v>
      </c>
      <c r="AS7" s="91">
        <v>300</v>
      </c>
      <c r="AT7" s="90" t="s">
        <v>316</v>
      </c>
      <c r="AU7" s="180">
        <v>700</v>
      </c>
      <c r="AV7" s="181" t="s">
        <v>316</v>
      </c>
      <c r="AW7" s="180">
        <v>870</v>
      </c>
      <c r="AX7" s="90" t="s">
        <v>316</v>
      </c>
      <c r="AY7" s="91">
        <v>920</v>
      </c>
      <c r="AZ7" s="90" t="s">
        <v>316</v>
      </c>
      <c r="BA7" s="91">
        <v>670</v>
      </c>
      <c r="BB7" s="181" t="s">
        <v>316</v>
      </c>
      <c r="BC7" s="180">
        <v>1280</v>
      </c>
      <c r="BD7" s="90" t="s">
        <v>316</v>
      </c>
      <c r="BE7" s="91">
        <v>1250</v>
      </c>
      <c r="BF7" s="181" t="s">
        <v>590</v>
      </c>
      <c r="BG7" s="191">
        <v>970</v>
      </c>
      <c r="BH7" s="181" t="s">
        <v>321</v>
      </c>
      <c r="BI7" s="180">
        <v>850</v>
      </c>
      <c r="BJ7" s="90" t="s">
        <v>323</v>
      </c>
      <c r="BK7" s="91">
        <v>21050</v>
      </c>
      <c r="BL7" s="181" t="s">
        <v>316</v>
      </c>
      <c r="BM7" s="180">
        <v>700</v>
      </c>
      <c r="BN7" s="181" t="s">
        <v>316</v>
      </c>
      <c r="BO7" s="180">
        <v>880</v>
      </c>
      <c r="BP7" s="90" t="s">
        <v>321</v>
      </c>
      <c r="BQ7" s="91">
        <v>1600</v>
      </c>
      <c r="BR7" s="90" t="s">
        <v>316</v>
      </c>
      <c r="BS7" s="91">
        <v>572</v>
      </c>
      <c r="BT7" s="181" t="s">
        <v>316</v>
      </c>
      <c r="BU7" s="180">
        <v>1920</v>
      </c>
      <c r="BV7" s="90" t="s">
        <v>321</v>
      </c>
      <c r="BW7" s="91">
        <v>2000</v>
      </c>
      <c r="BX7" s="181" t="s">
        <v>316</v>
      </c>
      <c r="BY7" s="180">
        <v>450</v>
      </c>
      <c r="BZ7" s="181" t="s">
        <v>316</v>
      </c>
      <c r="CA7" s="180">
        <v>1162</v>
      </c>
      <c r="CB7" s="181" t="s">
        <v>316</v>
      </c>
      <c r="CC7" s="180">
        <v>2100</v>
      </c>
      <c r="CD7" s="181" t="s">
        <v>312</v>
      </c>
      <c r="CE7" s="180">
        <v>1100</v>
      </c>
      <c r="CF7" s="181" t="s">
        <v>321</v>
      </c>
      <c r="CG7" s="180">
        <v>3000</v>
      </c>
      <c r="CH7" s="90" t="s">
        <v>881</v>
      </c>
      <c r="CI7" s="91">
        <v>1350</v>
      </c>
      <c r="CJ7" s="90" t="s">
        <v>316</v>
      </c>
      <c r="CK7" s="94">
        <v>744</v>
      </c>
      <c r="CL7" s="181" t="s">
        <v>590</v>
      </c>
      <c r="CM7" s="91">
        <v>1370</v>
      </c>
      <c r="CN7" s="181" t="s">
        <v>316</v>
      </c>
      <c r="CO7" s="180">
        <v>980</v>
      </c>
      <c r="CP7" s="90" t="s">
        <v>316</v>
      </c>
      <c r="CQ7" s="180">
        <v>2330</v>
      </c>
      <c r="CR7" s="90" t="s">
        <v>324</v>
      </c>
      <c r="CS7" s="180">
        <v>2200</v>
      </c>
      <c r="CT7" s="181" t="s">
        <v>324</v>
      </c>
      <c r="CU7" s="180">
        <v>2500</v>
      </c>
      <c r="CV7" s="90" t="s">
        <v>321</v>
      </c>
      <c r="CW7" s="91">
        <v>2500</v>
      </c>
      <c r="CX7" s="183" t="s">
        <v>316</v>
      </c>
      <c r="CY7" s="182">
        <v>4100</v>
      </c>
      <c r="CZ7" s="90" t="s">
        <v>316</v>
      </c>
      <c r="DA7" s="91">
        <v>1400</v>
      </c>
      <c r="DB7" s="90" t="s">
        <v>316</v>
      </c>
      <c r="DC7" s="91">
        <v>700</v>
      </c>
      <c r="DD7" s="181" t="s">
        <v>326</v>
      </c>
      <c r="DE7" s="180">
        <v>3570</v>
      </c>
      <c r="DF7" s="181"/>
      <c r="DG7" s="180"/>
      <c r="DH7" s="90" t="s">
        <v>590</v>
      </c>
      <c r="DI7" s="91">
        <v>750</v>
      </c>
      <c r="DJ7" s="181" t="s">
        <v>316</v>
      </c>
      <c r="DK7" s="180">
        <v>1830</v>
      </c>
    </row>
    <row r="8" spans="1:115" ht="10" customHeight="1">
      <c r="A8" s="475"/>
      <c r="B8" s="401"/>
      <c r="C8" s="377" t="s">
        <v>315</v>
      </c>
      <c r="D8" s="324"/>
      <c r="E8" s="467"/>
      <c r="F8" s="146"/>
      <c r="G8" s="180"/>
      <c r="H8" s="146"/>
      <c r="I8" s="180"/>
      <c r="J8" s="146" t="s">
        <v>316</v>
      </c>
      <c r="K8" s="180"/>
      <c r="L8" s="146"/>
      <c r="M8" s="180"/>
      <c r="N8" s="95"/>
      <c r="O8" s="91"/>
      <c r="P8" s="146"/>
      <c r="Q8" s="180"/>
      <c r="R8" s="146"/>
      <c r="S8" s="180"/>
      <c r="T8" s="146"/>
      <c r="U8" s="180"/>
      <c r="V8" s="146"/>
      <c r="W8" s="91"/>
      <c r="X8" s="146"/>
      <c r="Y8" s="180"/>
      <c r="Z8" s="146"/>
      <c r="AA8" s="180"/>
      <c r="AB8" s="146"/>
      <c r="AC8" s="180"/>
      <c r="AD8" s="95"/>
      <c r="AE8" s="91"/>
      <c r="AF8" s="96"/>
      <c r="AG8" s="93"/>
      <c r="AH8" s="95"/>
      <c r="AI8" s="91"/>
      <c r="AJ8" s="95"/>
      <c r="AK8" s="91"/>
      <c r="AL8" s="146"/>
      <c r="AM8" s="180"/>
      <c r="AN8" s="146" t="s">
        <v>593</v>
      </c>
      <c r="AO8" s="180"/>
      <c r="AP8" s="95"/>
      <c r="AQ8" s="91"/>
      <c r="AR8" s="95"/>
      <c r="AS8" s="91"/>
      <c r="AT8" s="95"/>
      <c r="AU8" s="180"/>
      <c r="AV8" s="146"/>
      <c r="AW8" s="180"/>
      <c r="AX8" s="95"/>
      <c r="AY8" s="91"/>
      <c r="AZ8" s="95"/>
      <c r="BA8" s="91"/>
      <c r="BB8" s="146"/>
      <c r="BC8" s="180"/>
      <c r="BD8" s="95"/>
      <c r="BE8" s="91"/>
      <c r="BF8" s="146"/>
      <c r="BG8" s="180"/>
      <c r="BH8" s="146"/>
      <c r="BI8" s="180"/>
      <c r="BJ8" s="95"/>
      <c r="BK8" s="91"/>
      <c r="BL8" s="146"/>
      <c r="BM8" s="180"/>
      <c r="BN8" s="146"/>
      <c r="BO8" s="180"/>
      <c r="BP8" s="95"/>
      <c r="BQ8" s="91"/>
      <c r="BR8" s="95"/>
      <c r="BS8" s="91"/>
      <c r="BT8" s="146"/>
      <c r="BU8" s="180"/>
      <c r="BV8" s="95"/>
      <c r="BW8" s="91"/>
      <c r="BX8" s="146"/>
      <c r="BY8" s="180"/>
      <c r="BZ8" s="146"/>
      <c r="CA8" s="180"/>
      <c r="CB8" s="146"/>
      <c r="CC8" s="180"/>
      <c r="CD8" s="146" t="s">
        <v>328</v>
      </c>
      <c r="CE8" s="180"/>
      <c r="CF8" s="146"/>
      <c r="CG8" s="180"/>
      <c r="CH8" s="95"/>
      <c r="CI8" s="91"/>
      <c r="CJ8" s="95"/>
      <c r="CK8" s="94"/>
      <c r="CL8" s="146"/>
      <c r="CM8" s="91"/>
      <c r="CN8" s="146"/>
      <c r="CO8" s="180"/>
      <c r="CP8" s="95"/>
      <c r="CQ8" s="180"/>
      <c r="CR8" s="95"/>
      <c r="CS8" s="190"/>
      <c r="CT8" s="146"/>
      <c r="CU8" s="180">
        <v>300</v>
      </c>
      <c r="CV8" s="95"/>
      <c r="CW8" s="91"/>
      <c r="CX8" s="185"/>
      <c r="CY8" s="182"/>
      <c r="CZ8" s="95"/>
      <c r="DA8" s="91"/>
      <c r="DB8" s="95"/>
      <c r="DC8" s="91"/>
      <c r="DD8" s="146"/>
      <c r="DE8" s="180"/>
      <c r="DF8" s="146"/>
      <c r="DG8" s="180"/>
      <c r="DH8" s="95"/>
      <c r="DI8" s="91"/>
      <c r="DJ8" s="146"/>
      <c r="DK8" s="180"/>
    </row>
    <row r="9" spans="1:115" ht="10" customHeight="1">
      <c r="A9" s="475"/>
      <c r="B9" s="401"/>
      <c r="C9" s="377" t="s">
        <v>306</v>
      </c>
      <c r="D9" s="324"/>
      <c r="E9" s="325"/>
      <c r="F9" s="184"/>
      <c r="G9" s="180">
        <v>8</v>
      </c>
      <c r="H9" s="184"/>
      <c r="I9" s="180"/>
      <c r="J9" s="184"/>
      <c r="K9" s="180">
        <v>10</v>
      </c>
      <c r="L9" s="184"/>
      <c r="M9" s="180">
        <v>10</v>
      </c>
      <c r="N9" s="97"/>
      <c r="O9" s="91">
        <v>6</v>
      </c>
      <c r="P9" s="184"/>
      <c r="Q9" s="180"/>
      <c r="R9" s="184"/>
      <c r="S9" s="180"/>
      <c r="T9" s="184"/>
      <c r="U9" s="180"/>
      <c r="V9" s="184"/>
      <c r="W9" s="91">
        <v>10</v>
      </c>
      <c r="X9" s="184"/>
      <c r="Y9" s="180">
        <v>10</v>
      </c>
      <c r="Z9" s="184"/>
      <c r="AA9" s="180">
        <v>8</v>
      </c>
      <c r="AB9" s="184"/>
      <c r="AC9" s="180"/>
      <c r="AD9" s="97"/>
      <c r="AE9" s="91">
        <v>10</v>
      </c>
      <c r="AF9" s="98"/>
      <c r="AG9" s="93"/>
      <c r="AH9" s="97"/>
      <c r="AI9" s="91">
        <v>10</v>
      </c>
      <c r="AJ9" s="97"/>
      <c r="AK9" s="91"/>
      <c r="AL9" s="184"/>
      <c r="AM9" s="180">
        <v>10</v>
      </c>
      <c r="AN9" s="184"/>
      <c r="AO9" s="180">
        <v>10</v>
      </c>
      <c r="AP9" s="97"/>
      <c r="AQ9" s="91"/>
      <c r="AR9" s="97"/>
      <c r="AS9" s="91"/>
      <c r="AT9" s="97"/>
      <c r="AU9" s="180"/>
      <c r="AV9" s="184"/>
      <c r="AW9" s="180"/>
      <c r="AX9" s="97"/>
      <c r="AY9" s="91">
        <v>10</v>
      </c>
      <c r="AZ9" s="97"/>
      <c r="BA9" s="91"/>
      <c r="BB9" s="184"/>
      <c r="BC9" s="180"/>
      <c r="BD9" s="97"/>
      <c r="BE9" s="91">
        <v>8</v>
      </c>
      <c r="BF9" s="184"/>
      <c r="BG9" s="180">
        <v>10</v>
      </c>
      <c r="BH9" s="184"/>
      <c r="BI9" s="180"/>
      <c r="BJ9" s="97"/>
      <c r="BK9" s="91">
        <v>50</v>
      </c>
      <c r="BL9" s="184"/>
      <c r="BM9" s="180"/>
      <c r="BN9" s="184"/>
      <c r="BO9" s="180"/>
      <c r="BP9" s="97"/>
      <c r="BQ9" s="91"/>
      <c r="BR9" s="97"/>
      <c r="BS9" s="91"/>
      <c r="BT9" s="184"/>
      <c r="BU9" s="180"/>
      <c r="BV9" s="97"/>
      <c r="BW9" s="91"/>
      <c r="BX9" s="184"/>
      <c r="BY9" s="180">
        <v>5</v>
      </c>
      <c r="BZ9" s="184"/>
      <c r="CA9" s="180"/>
      <c r="CB9" s="184"/>
      <c r="CC9" s="180">
        <v>10</v>
      </c>
      <c r="CD9" s="184"/>
      <c r="CE9" s="180">
        <v>10</v>
      </c>
      <c r="CF9" s="184"/>
      <c r="CG9" s="180">
        <v>10</v>
      </c>
      <c r="CH9" s="97"/>
      <c r="CI9" s="91">
        <v>10</v>
      </c>
      <c r="CJ9" s="97"/>
      <c r="CK9" s="94">
        <v>10</v>
      </c>
      <c r="CL9" s="184"/>
      <c r="CM9" s="91">
        <v>10</v>
      </c>
      <c r="CN9" s="184"/>
      <c r="CO9" s="180">
        <v>10</v>
      </c>
      <c r="CP9" s="97"/>
      <c r="CQ9" s="180">
        <v>5</v>
      </c>
      <c r="CR9" s="97"/>
      <c r="CS9" s="91"/>
      <c r="CT9" s="184"/>
      <c r="CU9" s="180"/>
      <c r="CV9" s="97"/>
      <c r="CW9" s="91">
        <v>30</v>
      </c>
      <c r="CX9" s="186"/>
      <c r="CY9" s="182"/>
      <c r="CZ9" s="97"/>
      <c r="DA9" s="91">
        <v>10</v>
      </c>
      <c r="DB9" s="97"/>
      <c r="DC9" s="91">
        <v>5</v>
      </c>
      <c r="DD9" s="184"/>
      <c r="DE9" s="180"/>
      <c r="DF9" s="184"/>
      <c r="DG9" s="180"/>
      <c r="DH9" s="97"/>
      <c r="DI9" s="91"/>
      <c r="DJ9" s="184"/>
      <c r="DK9" s="180"/>
    </row>
    <row r="10" spans="1:115" ht="10" customHeight="1">
      <c r="A10" s="475"/>
      <c r="B10" s="401"/>
      <c r="C10" s="377" t="s">
        <v>311</v>
      </c>
      <c r="D10" s="324"/>
      <c r="E10" s="467"/>
      <c r="F10" s="181" t="s">
        <v>321</v>
      </c>
      <c r="G10" s="180">
        <v>1750</v>
      </c>
      <c r="H10" s="181" t="s">
        <v>321</v>
      </c>
      <c r="I10" s="180">
        <v>850</v>
      </c>
      <c r="J10" s="181" t="s">
        <v>321</v>
      </c>
      <c r="K10" s="180">
        <v>1452</v>
      </c>
      <c r="L10" s="181" t="s">
        <v>321</v>
      </c>
      <c r="M10" s="180">
        <v>2343</v>
      </c>
      <c r="N10" s="90" t="s">
        <v>321</v>
      </c>
      <c r="O10" s="91">
        <v>4400</v>
      </c>
      <c r="P10" s="181" t="s">
        <v>321</v>
      </c>
      <c r="Q10" s="180">
        <v>580</v>
      </c>
      <c r="R10" s="181" t="s">
        <v>321</v>
      </c>
      <c r="S10" s="180">
        <v>1800</v>
      </c>
      <c r="T10" s="181" t="s">
        <v>321</v>
      </c>
      <c r="U10" s="180">
        <v>1204</v>
      </c>
      <c r="V10" s="181" t="s">
        <v>321</v>
      </c>
      <c r="W10" s="91">
        <v>2450</v>
      </c>
      <c r="X10" s="181" t="s">
        <v>592</v>
      </c>
      <c r="Y10" s="180">
        <v>10100</v>
      </c>
      <c r="Z10" s="181" t="s">
        <v>325</v>
      </c>
      <c r="AA10" s="180">
        <v>2000</v>
      </c>
      <c r="AB10" s="181" t="s">
        <v>321</v>
      </c>
      <c r="AC10" s="180">
        <v>900</v>
      </c>
      <c r="AD10" s="90" t="s">
        <v>321</v>
      </c>
      <c r="AE10" s="91">
        <v>1400</v>
      </c>
      <c r="AF10" s="92" t="s">
        <v>325</v>
      </c>
      <c r="AG10" s="93">
        <v>1700</v>
      </c>
      <c r="AH10" s="90" t="s">
        <v>321</v>
      </c>
      <c r="AI10" s="91">
        <v>2365</v>
      </c>
      <c r="AJ10" s="90" t="s">
        <v>325</v>
      </c>
      <c r="AK10" s="91">
        <v>2640</v>
      </c>
      <c r="AL10" s="181" t="s">
        <v>591</v>
      </c>
      <c r="AM10" s="180">
        <v>3600</v>
      </c>
      <c r="AN10" s="181" t="s">
        <v>595</v>
      </c>
      <c r="AO10" s="180">
        <v>1000</v>
      </c>
      <c r="AP10" s="90" t="s">
        <v>321</v>
      </c>
      <c r="AQ10" s="91">
        <v>1130</v>
      </c>
      <c r="AR10" s="90" t="s">
        <v>321</v>
      </c>
      <c r="AS10" s="91">
        <v>1250</v>
      </c>
      <c r="AT10" s="90" t="s">
        <v>321</v>
      </c>
      <c r="AU10" s="180">
        <v>1900</v>
      </c>
      <c r="AV10" s="181" t="s">
        <v>321</v>
      </c>
      <c r="AW10" s="180">
        <v>1170</v>
      </c>
      <c r="AX10" s="90" t="s">
        <v>321</v>
      </c>
      <c r="AY10" s="91">
        <v>1070</v>
      </c>
      <c r="AZ10" s="90" t="s">
        <v>321</v>
      </c>
      <c r="BA10" s="91">
        <v>1800</v>
      </c>
      <c r="BB10" s="181" t="s">
        <v>321</v>
      </c>
      <c r="BC10" s="180">
        <v>4900</v>
      </c>
      <c r="BD10" s="90" t="s">
        <v>321</v>
      </c>
      <c r="BE10" s="91">
        <v>1700</v>
      </c>
      <c r="BF10" s="181" t="s">
        <v>589</v>
      </c>
      <c r="BG10" s="180">
        <v>1200</v>
      </c>
      <c r="BH10" s="181" t="s">
        <v>325</v>
      </c>
      <c r="BI10" s="180">
        <v>1000</v>
      </c>
      <c r="BJ10" s="90" t="s">
        <v>317</v>
      </c>
      <c r="BK10" s="91">
        <v>9800</v>
      </c>
      <c r="BL10" s="181" t="s">
        <v>321</v>
      </c>
      <c r="BM10" s="180">
        <v>3000</v>
      </c>
      <c r="BN10" s="181" t="s">
        <v>321</v>
      </c>
      <c r="BO10" s="180">
        <v>2420</v>
      </c>
      <c r="BP10" s="90" t="s">
        <v>325</v>
      </c>
      <c r="BQ10" s="91">
        <v>2400</v>
      </c>
      <c r="BR10" s="90" t="s">
        <v>321</v>
      </c>
      <c r="BS10" s="91">
        <v>857</v>
      </c>
      <c r="BT10" s="181" t="s">
        <v>321</v>
      </c>
      <c r="BU10" s="180">
        <v>2530</v>
      </c>
      <c r="BV10" s="90" t="s">
        <v>325</v>
      </c>
      <c r="BW10" s="91">
        <v>3300</v>
      </c>
      <c r="BX10" s="181" t="s">
        <v>321</v>
      </c>
      <c r="BY10" s="180">
        <v>1500</v>
      </c>
      <c r="BZ10" s="181" t="s">
        <v>321</v>
      </c>
      <c r="CA10" s="180">
        <v>1860</v>
      </c>
      <c r="CB10" s="181" t="s">
        <v>321</v>
      </c>
      <c r="CC10" s="180">
        <v>3100</v>
      </c>
      <c r="CD10" s="181" t="s">
        <v>329</v>
      </c>
      <c r="CE10" s="180">
        <v>1300</v>
      </c>
      <c r="CF10" s="181" t="s">
        <v>325</v>
      </c>
      <c r="CG10" s="180">
        <v>4000</v>
      </c>
      <c r="CH10" s="90" t="s">
        <v>882</v>
      </c>
      <c r="CI10" s="91">
        <v>1500</v>
      </c>
      <c r="CJ10" s="90" t="s">
        <v>321</v>
      </c>
      <c r="CK10" s="94">
        <v>2374</v>
      </c>
      <c r="CL10" s="181" t="s">
        <v>589</v>
      </c>
      <c r="CM10" s="91">
        <v>4370</v>
      </c>
      <c r="CN10" s="181" t="s">
        <v>321</v>
      </c>
      <c r="CO10" s="180">
        <v>1880</v>
      </c>
      <c r="CP10" s="90" t="s">
        <v>321</v>
      </c>
      <c r="CQ10" s="180">
        <v>3790</v>
      </c>
      <c r="CR10" s="90"/>
      <c r="CS10" s="91"/>
      <c r="CT10" s="181"/>
      <c r="CU10" s="180"/>
      <c r="CV10" s="90" t="s">
        <v>325</v>
      </c>
      <c r="CW10" s="91">
        <v>4080</v>
      </c>
      <c r="CX10" s="183" t="s">
        <v>321</v>
      </c>
      <c r="CY10" s="182">
        <v>7335</v>
      </c>
      <c r="CZ10" s="90" t="s">
        <v>321</v>
      </c>
      <c r="DA10" s="91">
        <v>1450</v>
      </c>
      <c r="DB10" s="90" t="s">
        <v>321</v>
      </c>
      <c r="DC10" s="91">
        <v>1550</v>
      </c>
      <c r="DD10" s="181" t="s">
        <v>328</v>
      </c>
      <c r="DE10" s="180">
        <v>6630</v>
      </c>
      <c r="DF10" s="181"/>
      <c r="DG10" s="180"/>
      <c r="DH10" s="90" t="s">
        <v>589</v>
      </c>
      <c r="DI10" s="91">
        <v>1400</v>
      </c>
      <c r="DJ10" s="181" t="s">
        <v>321</v>
      </c>
      <c r="DK10" s="180">
        <v>2650</v>
      </c>
    </row>
    <row r="11" spans="1:115" ht="10" customHeight="1">
      <c r="A11" s="475"/>
      <c r="B11" s="401"/>
      <c r="C11" s="377" t="s">
        <v>315</v>
      </c>
      <c r="D11" s="324"/>
      <c r="E11" s="467"/>
      <c r="F11" s="146"/>
      <c r="G11" s="180"/>
      <c r="H11" s="146"/>
      <c r="I11" s="180"/>
      <c r="J11" s="146"/>
      <c r="K11" s="180"/>
      <c r="L11" s="146"/>
      <c r="M11" s="180"/>
      <c r="N11" s="95"/>
      <c r="O11" s="91"/>
      <c r="P11" s="146"/>
      <c r="Q11" s="180"/>
      <c r="R11" s="146"/>
      <c r="S11" s="180"/>
      <c r="T11" s="146"/>
      <c r="U11" s="180"/>
      <c r="V11" s="146"/>
      <c r="W11" s="91"/>
      <c r="X11" s="146"/>
      <c r="Y11" s="180"/>
      <c r="Z11" s="146"/>
      <c r="AA11" s="180" t="s">
        <v>622</v>
      </c>
      <c r="AB11" s="146"/>
      <c r="AC11" s="180"/>
      <c r="AD11" s="95"/>
      <c r="AE11" s="91"/>
      <c r="AF11" s="96"/>
      <c r="AG11" s="93"/>
      <c r="AH11" s="95"/>
      <c r="AI11" s="91"/>
      <c r="AJ11" s="95"/>
      <c r="AK11" s="91"/>
      <c r="AL11" s="146"/>
      <c r="AM11" s="180"/>
      <c r="AN11" s="146"/>
      <c r="AO11" s="180"/>
      <c r="AP11" s="95"/>
      <c r="AQ11" s="91"/>
      <c r="AR11" s="95"/>
      <c r="AS11" s="91"/>
      <c r="AT11" s="95"/>
      <c r="AU11" s="180"/>
      <c r="AV11" s="146"/>
      <c r="AW11" s="180"/>
      <c r="AX11" s="95"/>
      <c r="AY11" s="91"/>
      <c r="AZ11" s="95"/>
      <c r="BA11" s="91"/>
      <c r="BB11" s="146"/>
      <c r="BC11" s="180"/>
      <c r="BD11" s="95"/>
      <c r="BE11" s="91"/>
      <c r="BF11" s="146"/>
      <c r="BG11" s="180"/>
      <c r="BH11" s="146"/>
      <c r="BI11" s="180"/>
      <c r="BJ11" s="95"/>
      <c r="BK11" s="91"/>
      <c r="BL11" s="146"/>
      <c r="BM11" s="180"/>
      <c r="BN11" s="146"/>
      <c r="BO11" s="180"/>
      <c r="BP11" s="95"/>
      <c r="BQ11" s="91"/>
      <c r="BR11" s="95"/>
      <c r="BS11" s="91"/>
      <c r="BT11" s="146"/>
      <c r="BU11" s="180"/>
      <c r="BV11" s="95"/>
      <c r="BW11" s="91"/>
      <c r="BX11" s="146"/>
      <c r="BY11" s="180"/>
      <c r="BZ11" s="146"/>
      <c r="CA11" s="180"/>
      <c r="CB11" s="146"/>
      <c r="CC11" s="180"/>
      <c r="CD11" s="146"/>
      <c r="CE11" s="180"/>
      <c r="CF11" s="146"/>
      <c r="CG11" s="180"/>
      <c r="CH11" s="95"/>
      <c r="CI11" s="91"/>
      <c r="CJ11" s="95"/>
      <c r="CK11" s="94"/>
      <c r="CL11" s="146"/>
      <c r="CM11" s="91"/>
      <c r="CN11" s="146"/>
      <c r="CO11" s="180"/>
      <c r="CP11" s="95"/>
      <c r="CQ11" s="180"/>
      <c r="CR11" s="95"/>
      <c r="CS11" s="91"/>
      <c r="CT11" s="146"/>
      <c r="CU11" s="180"/>
      <c r="CV11" s="95"/>
      <c r="CW11" s="91"/>
      <c r="CX11" s="185"/>
      <c r="CY11" s="182"/>
      <c r="CZ11" s="95"/>
      <c r="DA11" s="91"/>
      <c r="DB11" s="95"/>
      <c r="DC11" s="91"/>
      <c r="DD11" s="146"/>
      <c r="DE11" s="180"/>
      <c r="DF11" s="146"/>
      <c r="DG11" s="180"/>
      <c r="DH11" s="95"/>
      <c r="DI11" s="91"/>
      <c r="DJ11" s="146"/>
      <c r="DK11" s="180"/>
    </row>
    <row r="12" spans="1:115" ht="10" customHeight="1">
      <c r="A12" s="475"/>
      <c r="B12" s="401"/>
      <c r="C12" s="377" t="s">
        <v>306</v>
      </c>
      <c r="D12" s="324"/>
      <c r="E12" s="325"/>
      <c r="F12" s="184"/>
      <c r="G12" s="180"/>
      <c r="H12" s="184"/>
      <c r="I12" s="180"/>
      <c r="J12" s="184"/>
      <c r="K12" s="180"/>
      <c r="L12" s="184"/>
      <c r="M12" s="180"/>
      <c r="N12" s="97"/>
      <c r="O12" s="91">
        <v>6</v>
      </c>
      <c r="P12" s="184"/>
      <c r="Q12" s="180"/>
      <c r="R12" s="184"/>
      <c r="S12" s="180"/>
      <c r="T12" s="184"/>
      <c r="U12" s="180"/>
      <c r="V12" s="184"/>
      <c r="W12" s="91">
        <v>10</v>
      </c>
      <c r="X12" s="184"/>
      <c r="Y12" s="180">
        <v>10</v>
      </c>
      <c r="Z12" s="184"/>
      <c r="AA12" s="180">
        <v>8</v>
      </c>
      <c r="AB12" s="184"/>
      <c r="AC12" s="180"/>
      <c r="AD12" s="97"/>
      <c r="AE12" s="91">
        <v>10</v>
      </c>
      <c r="AF12" s="98"/>
      <c r="AG12" s="93"/>
      <c r="AH12" s="97"/>
      <c r="AI12" s="91">
        <v>10</v>
      </c>
      <c r="AJ12" s="97"/>
      <c r="AK12" s="91"/>
      <c r="AL12" s="184"/>
      <c r="AM12" s="180">
        <v>10</v>
      </c>
      <c r="AN12" s="184" t="s">
        <v>318</v>
      </c>
      <c r="AO12" s="180">
        <v>100</v>
      </c>
      <c r="AP12" s="97"/>
      <c r="AQ12" s="91"/>
      <c r="AR12" s="97"/>
      <c r="AS12" s="91"/>
      <c r="AT12" s="97"/>
      <c r="AU12" s="180"/>
      <c r="AV12" s="184"/>
      <c r="AW12" s="180"/>
      <c r="AX12" s="97"/>
      <c r="AY12" s="91">
        <v>10</v>
      </c>
      <c r="AZ12" s="97"/>
      <c r="BA12" s="91"/>
      <c r="BB12" s="184"/>
      <c r="BC12" s="180"/>
      <c r="BD12" s="97"/>
      <c r="BE12" s="91">
        <v>8</v>
      </c>
      <c r="BF12" s="184"/>
      <c r="BG12" s="180">
        <v>10</v>
      </c>
      <c r="BH12" s="184"/>
      <c r="BI12" s="180"/>
      <c r="BJ12" s="97"/>
      <c r="BK12" s="91">
        <v>100</v>
      </c>
      <c r="BL12" s="184"/>
      <c r="BM12" s="180"/>
      <c r="BN12" s="184"/>
      <c r="BO12" s="180"/>
      <c r="BP12" s="97"/>
      <c r="BQ12" s="91"/>
      <c r="BR12" s="97"/>
      <c r="BS12" s="91"/>
      <c r="BT12" s="184"/>
      <c r="BU12" s="180"/>
      <c r="BV12" s="97"/>
      <c r="BW12" s="91"/>
      <c r="BX12" s="184"/>
      <c r="BY12" s="180"/>
      <c r="BZ12" s="184"/>
      <c r="CA12" s="180"/>
      <c r="CB12" s="184"/>
      <c r="CC12" s="180">
        <v>10</v>
      </c>
      <c r="CD12" s="184"/>
      <c r="CE12" s="180"/>
      <c r="CF12" s="184"/>
      <c r="CG12" s="180">
        <v>10</v>
      </c>
      <c r="CH12" s="97"/>
      <c r="CI12" s="91">
        <v>10</v>
      </c>
      <c r="CJ12" s="97"/>
      <c r="CK12" s="94">
        <v>10</v>
      </c>
      <c r="CL12" s="184"/>
      <c r="CM12" s="91">
        <v>10</v>
      </c>
      <c r="CN12" s="184"/>
      <c r="CO12" s="180">
        <v>10</v>
      </c>
      <c r="CP12" s="97"/>
      <c r="CQ12" s="180">
        <v>5</v>
      </c>
      <c r="CR12" s="97"/>
      <c r="CS12" s="91"/>
      <c r="CT12" s="184"/>
      <c r="CU12" s="180"/>
      <c r="CV12" s="97"/>
      <c r="CW12" s="91">
        <v>40</v>
      </c>
      <c r="CX12" s="186"/>
      <c r="CY12" s="182"/>
      <c r="CZ12" s="97"/>
      <c r="DA12" s="91">
        <v>10</v>
      </c>
      <c r="DB12" s="97"/>
      <c r="DC12" s="91">
        <v>5</v>
      </c>
      <c r="DD12" s="184"/>
      <c r="DE12" s="180"/>
      <c r="DF12" s="184"/>
      <c r="DG12" s="180"/>
      <c r="DH12" s="97"/>
      <c r="DI12" s="91"/>
      <c r="DJ12" s="189"/>
      <c r="DK12" s="180"/>
    </row>
    <row r="13" spans="1:115" ht="10" customHeight="1">
      <c r="A13" s="475"/>
      <c r="B13" s="401"/>
      <c r="C13" s="377" t="s">
        <v>311</v>
      </c>
      <c r="D13" s="324"/>
      <c r="E13" s="467"/>
      <c r="F13" s="181" t="s">
        <v>325</v>
      </c>
      <c r="G13" s="180">
        <v>4800</v>
      </c>
      <c r="H13" s="181" t="s">
        <v>325</v>
      </c>
      <c r="I13" s="180">
        <v>1550</v>
      </c>
      <c r="J13" s="181" t="s">
        <v>325</v>
      </c>
      <c r="K13" s="180">
        <v>2244</v>
      </c>
      <c r="L13" s="181" t="s">
        <v>325</v>
      </c>
      <c r="M13" s="180">
        <v>3190</v>
      </c>
      <c r="N13" s="90" t="s">
        <v>326</v>
      </c>
      <c r="O13" s="91">
        <v>8250</v>
      </c>
      <c r="P13" s="181" t="s">
        <v>325</v>
      </c>
      <c r="Q13" s="180">
        <v>4170</v>
      </c>
      <c r="R13" s="181" t="s">
        <v>325</v>
      </c>
      <c r="S13" s="180">
        <v>2500</v>
      </c>
      <c r="T13" s="181" t="s">
        <v>325</v>
      </c>
      <c r="U13" s="180">
        <v>1790</v>
      </c>
      <c r="V13" s="181" t="s">
        <v>325</v>
      </c>
      <c r="W13" s="91">
        <v>4000</v>
      </c>
      <c r="X13" s="181" t="s">
        <v>594</v>
      </c>
      <c r="Y13" s="180">
        <v>15000</v>
      </c>
      <c r="Z13" s="181" t="s">
        <v>326</v>
      </c>
      <c r="AA13" s="180">
        <v>2750</v>
      </c>
      <c r="AB13" s="181" t="s">
        <v>325</v>
      </c>
      <c r="AC13" s="180">
        <v>2400</v>
      </c>
      <c r="AD13" s="90" t="s">
        <v>325</v>
      </c>
      <c r="AE13" s="91">
        <v>1550</v>
      </c>
      <c r="AF13" s="92" t="s">
        <v>326</v>
      </c>
      <c r="AG13" s="93">
        <v>2000</v>
      </c>
      <c r="AH13" s="90" t="s">
        <v>325</v>
      </c>
      <c r="AI13" s="91">
        <v>3520</v>
      </c>
      <c r="AJ13" s="90" t="s">
        <v>326</v>
      </c>
      <c r="AK13" s="91">
        <v>4200</v>
      </c>
      <c r="AL13" s="181" t="s">
        <v>592</v>
      </c>
      <c r="AM13" s="180">
        <v>6200</v>
      </c>
      <c r="AN13" s="181" t="s">
        <v>320</v>
      </c>
      <c r="AO13" s="180">
        <v>9000</v>
      </c>
      <c r="AP13" s="90" t="s">
        <v>326</v>
      </c>
      <c r="AQ13" s="91">
        <v>2950</v>
      </c>
      <c r="AR13" s="90" t="s">
        <v>325</v>
      </c>
      <c r="AS13" s="91">
        <v>2000</v>
      </c>
      <c r="AT13" s="90" t="s">
        <v>325</v>
      </c>
      <c r="AU13" s="180">
        <v>3800</v>
      </c>
      <c r="AV13" s="181" t="s">
        <v>325</v>
      </c>
      <c r="AW13" s="180">
        <v>2800</v>
      </c>
      <c r="AX13" s="90" t="s">
        <v>326</v>
      </c>
      <c r="AY13" s="91">
        <v>4130</v>
      </c>
      <c r="AZ13" s="90" t="s">
        <v>325</v>
      </c>
      <c r="BA13" s="91">
        <v>3600</v>
      </c>
      <c r="BB13" s="181" t="s">
        <v>325</v>
      </c>
      <c r="BC13" s="180">
        <v>8400</v>
      </c>
      <c r="BD13" s="90" t="s">
        <v>328</v>
      </c>
      <c r="BE13" s="91">
        <v>3200</v>
      </c>
      <c r="BF13" s="181" t="s">
        <v>591</v>
      </c>
      <c r="BG13" s="180">
        <v>3300</v>
      </c>
      <c r="BH13" s="181" t="s">
        <v>326</v>
      </c>
      <c r="BI13" s="180">
        <v>1500</v>
      </c>
      <c r="BJ13" s="90" t="s">
        <v>327</v>
      </c>
      <c r="BK13" s="91">
        <v>21050</v>
      </c>
      <c r="BL13" s="181" t="s">
        <v>325</v>
      </c>
      <c r="BM13" s="180">
        <v>5000</v>
      </c>
      <c r="BN13" s="181" t="s">
        <v>325</v>
      </c>
      <c r="BO13" s="180">
        <v>3520</v>
      </c>
      <c r="BP13" s="90" t="s">
        <v>326</v>
      </c>
      <c r="BQ13" s="91">
        <v>4400</v>
      </c>
      <c r="BR13" s="90" t="s">
        <v>325</v>
      </c>
      <c r="BS13" s="91">
        <v>2429</v>
      </c>
      <c r="BT13" s="181" t="s">
        <v>325</v>
      </c>
      <c r="BU13" s="180">
        <v>3850</v>
      </c>
      <c r="BV13" s="90" t="s">
        <v>326</v>
      </c>
      <c r="BW13" s="91">
        <v>6000</v>
      </c>
      <c r="BX13" s="181" t="s">
        <v>325</v>
      </c>
      <c r="BY13" s="180">
        <v>4370</v>
      </c>
      <c r="BZ13" s="181" t="s">
        <v>326</v>
      </c>
      <c r="CA13" s="180">
        <v>3880</v>
      </c>
      <c r="CB13" s="181" t="s">
        <v>325</v>
      </c>
      <c r="CC13" s="180">
        <v>4200</v>
      </c>
      <c r="CD13" s="181"/>
      <c r="CE13" s="180"/>
      <c r="CF13" s="181" t="s">
        <v>326</v>
      </c>
      <c r="CG13" s="180">
        <v>7000</v>
      </c>
      <c r="CH13" s="90" t="s">
        <v>883</v>
      </c>
      <c r="CI13" s="91">
        <v>2100</v>
      </c>
      <c r="CJ13" s="90" t="s">
        <v>325</v>
      </c>
      <c r="CK13" s="94">
        <v>3931</v>
      </c>
      <c r="CL13" s="181" t="s">
        <v>591</v>
      </c>
      <c r="CM13" s="91">
        <v>7500</v>
      </c>
      <c r="CN13" s="181" t="s">
        <v>326</v>
      </c>
      <c r="CO13" s="180">
        <v>5980</v>
      </c>
      <c r="CP13" s="90" t="s">
        <v>325</v>
      </c>
      <c r="CQ13" s="180">
        <v>5255</v>
      </c>
      <c r="CR13" s="90"/>
      <c r="CS13" s="91"/>
      <c r="CT13" s="181"/>
      <c r="CU13" s="180"/>
      <c r="CV13" s="90" t="s">
        <v>326</v>
      </c>
      <c r="CW13" s="91">
        <v>6250</v>
      </c>
      <c r="CX13" s="183" t="s">
        <v>325</v>
      </c>
      <c r="CY13" s="182">
        <v>11610</v>
      </c>
      <c r="CZ13" s="90" t="s">
        <v>325</v>
      </c>
      <c r="DA13" s="91">
        <v>1600</v>
      </c>
      <c r="DB13" s="90" t="s">
        <v>325</v>
      </c>
      <c r="DC13" s="91">
        <v>2350</v>
      </c>
      <c r="DD13" s="181" t="s">
        <v>329</v>
      </c>
      <c r="DE13" s="180">
        <v>11890</v>
      </c>
      <c r="DF13" s="181"/>
      <c r="DG13" s="180"/>
      <c r="DH13" s="90" t="s">
        <v>592</v>
      </c>
      <c r="DI13" s="91">
        <v>4900</v>
      </c>
      <c r="DJ13" s="188" t="s">
        <v>326</v>
      </c>
      <c r="DK13" s="180">
        <v>5490</v>
      </c>
    </row>
    <row r="14" spans="1:115" ht="10" customHeight="1">
      <c r="A14" s="475"/>
      <c r="B14" s="401"/>
      <c r="C14" s="377" t="s">
        <v>315</v>
      </c>
      <c r="D14" s="324"/>
      <c r="E14" s="467"/>
      <c r="F14" s="146"/>
      <c r="G14" s="180"/>
      <c r="H14" s="146"/>
      <c r="I14" s="180"/>
      <c r="J14" s="146"/>
      <c r="K14" s="180"/>
      <c r="L14" s="146"/>
      <c r="M14" s="180"/>
      <c r="N14" s="95"/>
      <c r="O14" s="91"/>
      <c r="P14" s="146"/>
      <c r="Q14" s="180"/>
      <c r="R14" s="146"/>
      <c r="S14" s="180"/>
      <c r="T14" s="146"/>
      <c r="U14" s="180"/>
      <c r="V14" s="146"/>
      <c r="W14" s="91"/>
      <c r="X14" s="146"/>
      <c r="Y14" s="180"/>
      <c r="Z14" s="146"/>
      <c r="AA14" s="180" t="s">
        <v>622</v>
      </c>
      <c r="AB14" s="146"/>
      <c r="AC14" s="180"/>
      <c r="AD14" s="95"/>
      <c r="AE14" s="91"/>
      <c r="AF14" s="96"/>
      <c r="AG14" s="93"/>
      <c r="AH14" s="95"/>
      <c r="AI14" s="91"/>
      <c r="AJ14" s="95"/>
      <c r="AK14" s="91"/>
      <c r="AL14" s="146"/>
      <c r="AM14" s="180"/>
      <c r="AN14" s="146"/>
      <c r="AO14" s="180">
        <v>130</v>
      </c>
      <c r="AP14" s="95"/>
      <c r="AQ14" s="91"/>
      <c r="AR14" s="95"/>
      <c r="AS14" s="91"/>
      <c r="AT14" s="95"/>
      <c r="AU14" s="180"/>
      <c r="AV14" s="146"/>
      <c r="AW14" s="180"/>
      <c r="AX14" s="95"/>
      <c r="AY14" s="91"/>
      <c r="AZ14" s="95"/>
      <c r="BA14" s="91"/>
      <c r="BB14" s="146"/>
      <c r="BC14" s="180"/>
      <c r="BD14" s="95"/>
      <c r="BE14" s="91"/>
      <c r="BF14" s="146"/>
      <c r="BG14" s="180"/>
      <c r="BH14" s="146"/>
      <c r="BI14" s="180"/>
      <c r="BJ14" s="95"/>
      <c r="BK14" s="91"/>
      <c r="BL14" s="146"/>
      <c r="BM14" s="180"/>
      <c r="BN14" s="146"/>
      <c r="BO14" s="180"/>
      <c r="BP14" s="95"/>
      <c r="BQ14" s="91"/>
      <c r="BR14" s="95"/>
      <c r="BS14" s="91"/>
      <c r="BT14" s="146"/>
      <c r="BU14" s="180"/>
      <c r="BV14" s="95"/>
      <c r="BW14" s="91"/>
      <c r="BX14" s="146"/>
      <c r="BY14" s="180"/>
      <c r="BZ14" s="146"/>
      <c r="CA14" s="180"/>
      <c r="CB14" s="146"/>
      <c r="CC14" s="180"/>
      <c r="CD14" s="146"/>
      <c r="CE14" s="180"/>
      <c r="CF14" s="146"/>
      <c r="CG14" s="180"/>
      <c r="CH14" s="95"/>
      <c r="CI14" s="91"/>
      <c r="CJ14" s="95"/>
      <c r="CK14" s="94"/>
      <c r="CL14" s="146"/>
      <c r="CM14" s="91"/>
      <c r="CN14" s="146"/>
      <c r="CO14" s="180"/>
      <c r="CP14" s="95"/>
      <c r="CQ14" s="180"/>
      <c r="CR14" s="95"/>
      <c r="CS14" s="91"/>
      <c r="CT14" s="146"/>
      <c r="CU14" s="180"/>
      <c r="CV14" s="95"/>
      <c r="CW14" s="91"/>
      <c r="CX14" s="185"/>
      <c r="CY14" s="182"/>
      <c r="CZ14" s="95"/>
      <c r="DA14" s="91"/>
      <c r="DB14" s="95"/>
      <c r="DC14" s="91"/>
      <c r="DD14" s="146"/>
      <c r="DE14" s="180"/>
      <c r="DF14" s="146"/>
      <c r="DG14" s="180"/>
      <c r="DH14" s="95"/>
      <c r="DI14" s="91"/>
      <c r="DJ14" s="187"/>
      <c r="DK14" s="180"/>
    </row>
    <row r="15" spans="1:115" ht="10" customHeight="1">
      <c r="A15" s="475"/>
      <c r="B15" s="401"/>
      <c r="C15" s="377" t="s">
        <v>306</v>
      </c>
      <c r="D15" s="324"/>
      <c r="E15" s="325"/>
      <c r="F15" s="184"/>
      <c r="G15" s="180"/>
      <c r="H15" s="184"/>
      <c r="I15" s="180"/>
      <c r="J15" s="184"/>
      <c r="K15" s="180"/>
      <c r="L15" s="184"/>
      <c r="M15" s="180"/>
      <c r="N15" s="90"/>
      <c r="O15" s="91">
        <v>6</v>
      </c>
      <c r="P15" s="184"/>
      <c r="Q15" s="180"/>
      <c r="R15" s="184"/>
      <c r="S15" s="180"/>
      <c r="T15" s="184"/>
      <c r="U15" s="180"/>
      <c r="V15" s="184"/>
      <c r="W15" s="91">
        <v>10</v>
      </c>
      <c r="X15" s="184"/>
      <c r="Y15" s="180">
        <v>10</v>
      </c>
      <c r="Z15" s="184"/>
      <c r="AA15" s="180">
        <v>8</v>
      </c>
      <c r="AB15" s="184"/>
      <c r="AC15" s="180"/>
      <c r="AD15" s="97"/>
      <c r="AE15" s="91">
        <v>10</v>
      </c>
      <c r="AF15" s="98"/>
      <c r="AG15" s="93"/>
      <c r="AH15" s="97"/>
      <c r="AI15" s="91">
        <v>10</v>
      </c>
      <c r="AJ15" s="97"/>
      <c r="AK15" s="91"/>
      <c r="AL15" s="184"/>
      <c r="AM15" s="180">
        <v>10</v>
      </c>
      <c r="AN15" s="184"/>
      <c r="AO15" s="180"/>
      <c r="AP15" s="97"/>
      <c r="AQ15" s="91"/>
      <c r="AR15" s="99"/>
      <c r="AS15" s="91">
        <v>100</v>
      </c>
      <c r="AT15" s="97"/>
      <c r="AU15" s="180"/>
      <c r="AV15" s="184"/>
      <c r="AW15" s="180"/>
      <c r="AX15" s="97"/>
      <c r="AY15" s="91">
        <v>10</v>
      </c>
      <c r="AZ15" s="97"/>
      <c r="BA15" s="91"/>
      <c r="BB15" s="184"/>
      <c r="BC15" s="180"/>
      <c r="BD15" s="97"/>
      <c r="BE15" s="91">
        <v>8</v>
      </c>
      <c r="BF15" s="184"/>
      <c r="BG15" s="180">
        <v>10</v>
      </c>
      <c r="BH15" s="184"/>
      <c r="BI15" s="180"/>
      <c r="BJ15" s="97"/>
      <c r="BK15" s="91"/>
      <c r="BL15" s="184"/>
      <c r="BM15" s="180"/>
      <c r="BN15" s="184"/>
      <c r="BO15" s="180"/>
      <c r="BP15" s="97"/>
      <c r="BQ15" s="91"/>
      <c r="BR15" s="97"/>
      <c r="BS15" s="91"/>
      <c r="BT15" s="184"/>
      <c r="BU15" s="180"/>
      <c r="BV15" s="97"/>
      <c r="BW15" s="91"/>
      <c r="BX15" s="181"/>
      <c r="BY15" s="180"/>
      <c r="BZ15" s="184"/>
      <c r="CA15" s="180"/>
      <c r="CB15" s="184"/>
      <c r="CC15" s="180">
        <v>10</v>
      </c>
      <c r="CD15" s="184"/>
      <c r="CE15" s="180"/>
      <c r="CF15" s="184"/>
      <c r="CG15" s="180">
        <v>10</v>
      </c>
      <c r="CH15" s="97"/>
      <c r="CI15" s="91">
        <v>10</v>
      </c>
      <c r="CJ15" s="97"/>
      <c r="CK15" s="94">
        <v>10</v>
      </c>
      <c r="CL15" s="184"/>
      <c r="CM15" s="91">
        <v>10</v>
      </c>
      <c r="CN15" s="184"/>
      <c r="CO15" s="180">
        <v>10</v>
      </c>
      <c r="CP15" s="97"/>
      <c r="CQ15" s="180">
        <v>5</v>
      </c>
      <c r="CR15" s="97"/>
      <c r="CS15" s="91"/>
      <c r="CT15" s="184"/>
      <c r="CU15" s="180"/>
      <c r="CV15" s="97"/>
      <c r="CW15" s="91">
        <v>50</v>
      </c>
      <c r="CX15" s="186" t="s">
        <v>326</v>
      </c>
      <c r="CY15" s="182"/>
      <c r="CZ15" s="97"/>
      <c r="DA15" s="91">
        <v>10</v>
      </c>
      <c r="DB15" s="97"/>
      <c r="DC15" s="91">
        <v>5</v>
      </c>
      <c r="DD15" s="184"/>
      <c r="DE15" s="180"/>
      <c r="DF15" s="184"/>
      <c r="DG15" s="180"/>
      <c r="DH15" s="97"/>
      <c r="DI15" s="91"/>
      <c r="DJ15" s="184"/>
      <c r="DK15" s="180"/>
    </row>
    <row r="16" spans="1:115" ht="10" customHeight="1">
      <c r="A16" s="475"/>
      <c r="B16" s="401"/>
      <c r="C16" s="377" t="s">
        <v>311</v>
      </c>
      <c r="D16" s="324"/>
      <c r="E16" s="467"/>
      <c r="F16" s="181" t="s">
        <v>326</v>
      </c>
      <c r="G16" s="180">
        <v>14800</v>
      </c>
      <c r="H16" s="181" t="s">
        <v>326</v>
      </c>
      <c r="I16" s="180">
        <v>2950</v>
      </c>
      <c r="J16" s="181" t="s">
        <v>326</v>
      </c>
      <c r="K16" s="180">
        <v>3960</v>
      </c>
      <c r="L16" s="181" t="s">
        <v>326</v>
      </c>
      <c r="M16" s="180">
        <v>5126</v>
      </c>
      <c r="N16" s="90" t="s">
        <v>328</v>
      </c>
      <c r="O16" s="91">
        <v>13200</v>
      </c>
      <c r="P16" s="181" t="s">
        <v>326</v>
      </c>
      <c r="Q16" s="180">
        <v>7910</v>
      </c>
      <c r="R16" s="181" t="s">
        <v>326</v>
      </c>
      <c r="S16" s="180">
        <v>5200</v>
      </c>
      <c r="T16" s="181" t="s">
        <v>326</v>
      </c>
      <c r="U16" s="180">
        <v>3163</v>
      </c>
      <c r="V16" s="181" t="s">
        <v>326</v>
      </c>
      <c r="W16" s="91">
        <v>8400</v>
      </c>
      <c r="X16" s="181" t="s">
        <v>596</v>
      </c>
      <c r="Y16" s="180">
        <v>38600</v>
      </c>
      <c r="Z16" s="181" t="s">
        <v>328</v>
      </c>
      <c r="AA16" s="180">
        <v>5500</v>
      </c>
      <c r="AB16" s="181" t="s">
        <v>326</v>
      </c>
      <c r="AC16" s="180">
        <v>3800</v>
      </c>
      <c r="AD16" s="90" t="s">
        <v>326</v>
      </c>
      <c r="AE16" s="91">
        <v>2500</v>
      </c>
      <c r="AF16" s="92" t="s">
        <v>328</v>
      </c>
      <c r="AG16" s="93">
        <v>2500</v>
      </c>
      <c r="AH16" s="90" t="s">
        <v>326</v>
      </c>
      <c r="AI16" s="91">
        <v>6600</v>
      </c>
      <c r="AJ16" s="90" t="s">
        <v>328</v>
      </c>
      <c r="AK16" s="91">
        <v>7010</v>
      </c>
      <c r="AL16" s="181" t="s">
        <v>594</v>
      </c>
      <c r="AM16" s="180">
        <v>9700</v>
      </c>
      <c r="AN16" s="181"/>
      <c r="AO16" s="180"/>
      <c r="AP16" s="90" t="s">
        <v>328</v>
      </c>
      <c r="AQ16" s="91">
        <v>7630</v>
      </c>
      <c r="AR16" s="100" t="s">
        <v>597</v>
      </c>
      <c r="AS16" s="91">
        <v>10000</v>
      </c>
      <c r="AT16" s="90" t="s">
        <v>326</v>
      </c>
      <c r="AU16" s="180">
        <v>7000</v>
      </c>
      <c r="AV16" s="181" t="s">
        <v>326</v>
      </c>
      <c r="AW16" s="180">
        <v>4890</v>
      </c>
      <c r="AX16" s="90" t="s">
        <v>328</v>
      </c>
      <c r="AY16" s="91">
        <v>7800</v>
      </c>
      <c r="AZ16" s="90" t="s">
        <v>326</v>
      </c>
      <c r="BA16" s="91">
        <v>7500</v>
      </c>
      <c r="BB16" s="181" t="s">
        <v>326</v>
      </c>
      <c r="BC16" s="180">
        <v>16320</v>
      </c>
      <c r="BD16" s="90" t="s">
        <v>329</v>
      </c>
      <c r="BE16" s="91">
        <v>5100</v>
      </c>
      <c r="BF16" s="181" t="s">
        <v>592</v>
      </c>
      <c r="BG16" s="180">
        <v>5500</v>
      </c>
      <c r="BH16" s="181" t="s">
        <v>328</v>
      </c>
      <c r="BI16" s="180">
        <v>3000</v>
      </c>
      <c r="BJ16" s="90"/>
      <c r="BK16" s="91"/>
      <c r="BL16" s="181" t="s">
        <v>326</v>
      </c>
      <c r="BM16" s="180">
        <v>7000</v>
      </c>
      <c r="BN16" s="181" t="s">
        <v>326</v>
      </c>
      <c r="BO16" s="180">
        <v>7480</v>
      </c>
      <c r="BP16" s="90" t="s">
        <v>328</v>
      </c>
      <c r="BQ16" s="91">
        <v>7050</v>
      </c>
      <c r="BR16" s="90" t="s">
        <v>326</v>
      </c>
      <c r="BS16" s="91">
        <v>3428</v>
      </c>
      <c r="BT16" s="181" t="s">
        <v>326</v>
      </c>
      <c r="BU16" s="180">
        <v>6970</v>
      </c>
      <c r="BV16" s="90" t="s">
        <v>328</v>
      </c>
      <c r="BW16" s="91">
        <v>9000</v>
      </c>
      <c r="BX16" s="181" t="s">
        <v>326</v>
      </c>
      <c r="BY16" s="180">
        <v>5320</v>
      </c>
      <c r="BZ16" s="181" t="s">
        <v>328</v>
      </c>
      <c r="CA16" s="180">
        <v>7780</v>
      </c>
      <c r="CB16" s="181" t="s">
        <v>326</v>
      </c>
      <c r="CC16" s="180">
        <v>7700</v>
      </c>
      <c r="CD16" s="181"/>
      <c r="CE16" s="180"/>
      <c r="CF16" s="181" t="s">
        <v>328</v>
      </c>
      <c r="CG16" s="180">
        <v>11000</v>
      </c>
      <c r="CH16" s="90" t="s">
        <v>884</v>
      </c>
      <c r="CI16" s="91">
        <v>4000</v>
      </c>
      <c r="CJ16" s="90" t="s">
        <v>326</v>
      </c>
      <c r="CK16" s="94">
        <v>6710</v>
      </c>
      <c r="CL16" s="181" t="s">
        <v>592</v>
      </c>
      <c r="CM16" s="91">
        <v>17500</v>
      </c>
      <c r="CN16" s="181" t="s">
        <v>328</v>
      </c>
      <c r="CO16" s="180">
        <v>8380</v>
      </c>
      <c r="CP16" s="90" t="s">
        <v>326</v>
      </c>
      <c r="CQ16" s="180">
        <v>11525</v>
      </c>
      <c r="CR16" s="90"/>
      <c r="CS16" s="91"/>
      <c r="CT16" s="181"/>
      <c r="CU16" s="180"/>
      <c r="CV16" s="90" t="s">
        <v>623</v>
      </c>
      <c r="CW16" s="91">
        <v>9800</v>
      </c>
      <c r="CX16" s="183" t="s">
        <v>312</v>
      </c>
      <c r="CY16" s="182">
        <v>22200</v>
      </c>
      <c r="CZ16" s="90" t="s">
        <v>326</v>
      </c>
      <c r="DA16" s="91">
        <v>1700</v>
      </c>
      <c r="DB16" s="90" t="s">
        <v>326</v>
      </c>
      <c r="DC16" s="91">
        <v>4500</v>
      </c>
      <c r="DD16" s="181" t="s">
        <v>624</v>
      </c>
      <c r="DE16" s="180">
        <v>23490</v>
      </c>
      <c r="DF16" s="181"/>
      <c r="DG16" s="180"/>
      <c r="DH16" s="90" t="s">
        <v>594</v>
      </c>
      <c r="DI16" s="91">
        <v>8800</v>
      </c>
      <c r="DJ16" s="181" t="s">
        <v>328</v>
      </c>
      <c r="DK16" s="180">
        <v>10000</v>
      </c>
    </row>
    <row r="17" spans="1:115" ht="10" customHeight="1">
      <c r="A17" s="475"/>
      <c r="B17" s="401"/>
      <c r="C17" s="377" t="s">
        <v>315</v>
      </c>
      <c r="D17" s="324"/>
      <c r="E17" s="467"/>
      <c r="F17" s="146"/>
      <c r="G17" s="180"/>
      <c r="H17" s="146"/>
      <c r="I17" s="180"/>
      <c r="J17" s="146"/>
      <c r="K17" s="180"/>
      <c r="L17" s="146"/>
      <c r="M17" s="180"/>
      <c r="N17" s="95"/>
      <c r="O17" s="91"/>
      <c r="P17" s="146"/>
      <c r="Q17" s="180"/>
      <c r="R17" s="146"/>
      <c r="S17" s="180"/>
      <c r="T17" s="146"/>
      <c r="U17" s="180"/>
      <c r="V17" s="146"/>
      <c r="W17" s="91"/>
      <c r="X17" s="146"/>
      <c r="Y17" s="180"/>
      <c r="Z17" s="146"/>
      <c r="AA17" s="180" t="s">
        <v>622</v>
      </c>
      <c r="AB17" s="146"/>
      <c r="AC17" s="180"/>
      <c r="AD17" s="95"/>
      <c r="AE17" s="91"/>
      <c r="AF17" s="96"/>
      <c r="AG17" s="93"/>
      <c r="AH17" s="95"/>
      <c r="AI17" s="91"/>
      <c r="AJ17" s="95"/>
      <c r="AK17" s="91"/>
      <c r="AL17" s="146"/>
      <c r="AM17" s="180"/>
      <c r="AN17" s="146"/>
      <c r="AO17" s="180"/>
      <c r="AP17" s="95"/>
      <c r="AQ17" s="91"/>
      <c r="AR17" s="101"/>
      <c r="AS17" s="91"/>
      <c r="AT17" s="95"/>
      <c r="AU17" s="180"/>
      <c r="AV17" s="146"/>
      <c r="AW17" s="180"/>
      <c r="AX17" s="95"/>
      <c r="AY17" s="91"/>
      <c r="AZ17" s="95"/>
      <c r="BA17" s="91"/>
      <c r="BB17" s="146"/>
      <c r="BC17" s="180"/>
      <c r="BD17" s="95"/>
      <c r="BE17" s="91"/>
      <c r="BF17" s="146"/>
      <c r="BG17" s="180"/>
      <c r="BH17" s="146"/>
      <c r="BI17" s="180"/>
      <c r="BJ17" s="95"/>
      <c r="BK17" s="91"/>
      <c r="BL17" s="146"/>
      <c r="BM17" s="180"/>
      <c r="BN17" s="146"/>
      <c r="BO17" s="180"/>
      <c r="BP17" s="95"/>
      <c r="BQ17" s="91"/>
      <c r="BR17" s="95"/>
      <c r="BS17" s="91"/>
      <c r="BT17" s="146"/>
      <c r="BU17" s="180"/>
      <c r="BV17" s="95"/>
      <c r="BW17" s="91"/>
      <c r="BX17" s="146"/>
      <c r="BY17" s="180"/>
      <c r="BZ17" s="146"/>
      <c r="CA17" s="180"/>
      <c r="CB17" s="146"/>
      <c r="CC17" s="180"/>
      <c r="CD17" s="146"/>
      <c r="CE17" s="180"/>
      <c r="CF17" s="146"/>
      <c r="CG17" s="180"/>
      <c r="CH17" s="95"/>
      <c r="CI17" s="91"/>
      <c r="CJ17" s="95"/>
      <c r="CK17" s="94"/>
      <c r="CL17" s="146"/>
      <c r="CM17" s="91"/>
      <c r="CN17" s="146"/>
      <c r="CO17" s="180"/>
      <c r="CP17" s="95"/>
      <c r="CQ17" s="180"/>
      <c r="CR17" s="95"/>
      <c r="CS17" s="91"/>
      <c r="CT17" s="146"/>
      <c r="CU17" s="180"/>
      <c r="CV17" s="95"/>
      <c r="CW17" s="91"/>
      <c r="CX17" s="185" t="s">
        <v>328</v>
      </c>
      <c r="CY17" s="182"/>
      <c r="CZ17" s="95"/>
      <c r="DA17" s="91"/>
      <c r="DB17" s="95"/>
      <c r="DC17" s="91"/>
      <c r="DD17" s="146"/>
      <c r="DE17" s="180"/>
      <c r="DF17" s="146"/>
      <c r="DG17" s="180"/>
      <c r="DH17" s="95"/>
      <c r="DI17" s="91"/>
      <c r="DJ17" s="146"/>
      <c r="DK17" s="180"/>
    </row>
    <row r="18" spans="1:115" ht="10" customHeight="1">
      <c r="A18" s="475"/>
      <c r="B18" s="401"/>
      <c r="C18" s="377" t="s">
        <v>306</v>
      </c>
      <c r="D18" s="324"/>
      <c r="E18" s="325"/>
      <c r="F18" s="184"/>
      <c r="G18" s="180"/>
      <c r="H18" s="181"/>
      <c r="I18" s="180"/>
      <c r="J18" s="181"/>
      <c r="K18" s="180"/>
      <c r="L18" s="181"/>
      <c r="M18" s="180"/>
      <c r="N18" s="90"/>
      <c r="O18" s="91">
        <v>6</v>
      </c>
      <c r="P18" s="181"/>
      <c r="Q18" s="180"/>
      <c r="R18" s="181"/>
      <c r="S18" s="180"/>
      <c r="T18" s="184"/>
      <c r="U18" s="180"/>
      <c r="V18" s="181"/>
      <c r="W18" s="91">
        <v>10</v>
      </c>
      <c r="X18" s="181"/>
      <c r="Y18" s="180">
        <v>10</v>
      </c>
      <c r="Z18" s="181"/>
      <c r="AA18" s="180">
        <v>8</v>
      </c>
      <c r="AB18" s="181"/>
      <c r="AC18" s="180"/>
      <c r="AD18" s="90"/>
      <c r="AE18" s="91">
        <v>10</v>
      </c>
      <c r="AF18" s="98"/>
      <c r="AG18" s="93"/>
      <c r="AH18" s="90"/>
      <c r="AI18" s="91">
        <v>10</v>
      </c>
      <c r="AJ18" s="90"/>
      <c r="AK18" s="91"/>
      <c r="AL18" s="181"/>
      <c r="AM18" s="180">
        <v>10</v>
      </c>
      <c r="AN18" s="181"/>
      <c r="AO18" s="180"/>
      <c r="AP18" s="90"/>
      <c r="AQ18" s="91"/>
      <c r="AR18" s="102"/>
      <c r="AS18" s="91"/>
      <c r="AT18" s="90"/>
      <c r="AU18" s="180"/>
      <c r="AV18" s="181"/>
      <c r="AW18" s="180"/>
      <c r="AX18" s="90"/>
      <c r="AY18" s="91">
        <v>10</v>
      </c>
      <c r="AZ18" s="90"/>
      <c r="BA18" s="91"/>
      <c r="BB18" s="181"/>
      <c r="BC18" s="180"/>
      <c r="BD18" s="90"/>
      <c r="BE18" s="91">
        <v>8</v>
      </c>
      <c r="BF18" s="181"/>
      <c r="BG18" s="180">
        <v>10</v>
      </c>
      <c r="BH18" s="181"/>
      <c r="BI18" s="180"/>
      <c r="BJ18" s="90"/>
      <c r="BK18" s="91"/>
      <c r="BL18" s="181"/>
      <c r="BM18" s="180"/>
      <c r="BN18" s="181"/>
      <c r="BO18" s="180"/>
      <c r="BP18" s="90"/>
      <c r="BQ18" s="91"/>
      <c r="BR18" s="90"/>
      <c r="BS18" s="91"/>
      <c r="BT18" s="181"/>
      <c r="BU18" s="180"/>
      <c r="BV18" s="90"/>
      <c r="BW18" s="91"/>
      <c r="BX18" s="181"/>
      <c r="BY18" s="180"/>
      <c r="BZ18" s="181"/>
      <c r="CA18" s="180"/>
      <c r="CB18" s="181"/>
      <c r="CC18" s="180">
        <v>10</v>
      </c>
      <c r="CD18" s="181"/>
      <c r="CE18" s="180" t="s">
        <v>625</v>
      </c>
      <c r="CF18" s="181"/>
      <c r="CG18" s="180">
        <v>10</v>
      </c>
      <c r="CH18" s="90"/>
      <c r="CI18" s="91">
        <v>10</v>
      </c>
      <c r="CJ18" s="90"/>
      <c r="CK18" s="94">
        <v>10</v>
      </c>
      <c r="CL18" s="181"/>
      <c r="CM18" s="91">
        <v>10</v>
      </c>
      <c r="CN18" s="181"/>
      <c r="CO18" s="180">
        <v>10</v>
      </c>
      <c r="CP18" s="90"/>
      <c r="CQ18" s="180">
        <v>5</v>
      </c>
      <c r="CR18" s="90"/>
      <c r="CS18" s="91"/>
      <c r="CT18" s="181"/>
      <c r="CU18" s="180"/>
      <c r="CV18" s="90"/>
      <c r="CW18" s="91">
        <v>50</v>
      </c>
      <c r="CX18" s="183" t="s">
        <v>329</v>
      </c>
      <c r="CY18" s="182"/>
      <c r="CZ18" s="90"/>
      <c r="DA18" s="91">
        <v>10</v>
      </c>
      <c r="DB18" s="90"/>
      <c r="DC18" s="91">
        <v>5</v>
      </c>
      <c r="DD18" s="181"/>
      <c r="DE18" s="180"/>
      <c r="DF18" s="181"/>
      <c r="DG18" s="180"/>
      <c r="DH18" s="90"/>
      <c r="DI18" s="91"/>
      <c r="DJ18" s="181"/>
      <c r="DK18" s="180"/>
    </row>
    <row r="19" spans="1:115" ht="10" customHeight="1">
      <c r="A19" s="475"/>
      <c r="B19" s="401"/>
      <c r="C19" s="377" t="s">
        <v>311</v>
      </c>
      <c r="D19" s="324"/>
      <c r="E19" s="467"/>
      <c r="F19" s="181" t="s">
        <v>328</v>
      </c>
      <c r="G19" s="180">
        <v>38200</v>
      </c>
      <c r="H19" s="181" t="s">
        <v>328</v>
      </c>
      <c r="I19" s="180">
        <v>5500</v>
      </c>
      <c r="J19" s="181" t="s">
        <v>328</v>
      </c>
      <c r="K19" s="180">
        <v>9900</v>
      </c>
      <c r="L19" s="181" t="s">
        <v>328</v>
      </c>
      <c r="M19" s="180">
        <v>13310</v>
      </c>
      <c r="N19" s="90" t="s">
        <v>329</v>
      </c>
      <c r="O19" s="91">
        <v>17050</v>
      </c>
      <c r="P19" s="181" t="s">
        <v>328</v>
      </c>
      <c r="Q19" s="180">
        <v>12350</v>
      </c>
      <c r="R19" s="181" t="s">
        <v>328</v>
      </c>
      <c r="S19" s="180">
        <v>8300</v>
      </c>
      <c r="T19" s="181" t="s">
        <v>328</v>
      </c>
      <c r="U19" s="180">
        <v>5447</v>
      </c>
      <c r="V19" s="181" t="s">
        <v>328</v>
      </c>
      <c r="W19" s="91">
        <v>16000</v>
      </c>
      <c r="X19" s="181" t="s">
        <v>598</v>
      </c>
      <c r="Y19" s="180">
        <v>64500</v>
      </c>
      <c r="Z19" s="181" t="s">
        <v>329</v>
      </c>
      <c r="AA19" s="180">
        <v>8000</v>
      </c>
      <c r="AB19" s="181" t="s">
        <v>328</v>
      </c>
      <c r="AC19" s="180">
        <v>11000</v>
      </c>
      <c r="AD19" s="90" t="s">
        <v>328</v>
      </c>
      <c r="AE19" s="91">
        <v>6500</v>
      </c>
      <c r="AF19" s="92" t="s">
        <v>329</v>
      </c>
      <c r="AG19" s="93">
        <v>3000</v>
      </c>
      <c r="AH19" s="90" t="s">
        <v>328</v>
      </c>
      <c r="AI19" s="91">
        <v>10285</v>
      </c>
      <c r="AJ19" s="90" t="s">
        <v>329</v>
      </c>
      <c r="AK19" s="91">
        <v>15260</v>
      </c>
      <c r="AL19" s="181" t="s">
        <v>596</v>
      </c>
      <c r="AM19" s="180">
        <v>23900</v>
      </c>
      <c r="AN19" s="181"/>
      <c r="AO19" s="180"/>
      <c r="AP19" s="90" t="s">
        <v>329</v>
      </c>
      <c r="AQ19" s="91">
        <v>14040</v>
      </c>
      <c r="AR19" s="102" t="s">
        <v>599</v>
      </c>
      <c r="AS19" s="91">
        <v>5500</v>
      </c>
      <c r="AT19" s="90" t="s">
        <v>328</v>
      </c>
      <c r="AU19" s="180">
        <v>14000</v>
      </c>
      <c r="AV19" s="181" t="s">
        <v>328</v>
      </c>
      <c r="AW19" s="180">
        <v>10100</v>
      </c>
      <c r="AX19" s="90" t="s">
        <v>329</v>
      </c>
      <c r="AY19" s="91">
        <v>15250</v>
      </c>
      <c r="AZ19" s="90" t="s">
        <v>328</v>
      </c>
      <c r="BA19" s="91">
        <v>14000</v>
      </c>
      <c r="BB19" s="181" t="s">
        <v>328</v>
      </c>
      <c r="BC19" s="180">
        <v>29150</v>
      </c>
      <c r="BD19" s="90" t="s">
        <v>624</v>
      </c>
      <c r="BE19" s="91">
        <v>7600</v>
      </c>
      <c r="BF19" s="181" t="s">
        <v>594</v>
      </c>
      <c r="BG19" s="180">
        <v>9300</v>
      </c>
      <c r="BH19" s="181" t="s">
        <v>626</v>
      </c>
      <c r="BI19" s="180">
        <v>8000</v>
      </c>
      <c r="BJ19" s="90"/>
      <c r="BK19" s="91"/>
      <c r="BL19" s="181" t="s">
        <v>328</v>
      </c>
      <c r="BM19" s="180">
        <v>12000</v>
      </c>
      <c r="BN19" s="181" t="s">
        <v>328</v>
      </c>
      <c r="BO19" s="180">
        <v>11000</v>
      </c>
      <c r="BP19" s="90" t="s">
        <v>329</v>
      </c>
      <c r="BQ19" s="91">
        <v>16800</v>
      </c>
      <c r="BR19" s="90" t="s">
        <v>328</v>
      </c>
      <c r="BS19" s="91">
        <v>8285</v>
      </c>
      <c r="BT19" s="181" t="s">
        <v>328</v>
      </c>
      <c r="BU19" s="180">
        <v>12430</v>
      </c>
      <c r="BV19" s="90" t="s">
        <v>329</v>
      </c>
      <c r="BW19" s="91">
        <v>21000</v>
      </c>
      <c r="BX19" s="181" t="s">
        <v>328</v>
      </c>
      <c r="BY19" s="180">
        <v>6270</v>
      </c>
      <c r="BZ19" s="181" t="s">
        <v>329</v>
      </c>
      <c r="CA19" s="180">
        <v>15000</v>
      </c>
      <c r="CB19" s="181" t="s">
        <v>328</v>
      </c>
      <c r="CC19" s="180">
        <v>11700</v>
      </c>
      <c r="CD19" s="181"/>
      <c r="CE19" s="180" t="s">
        <v>625</v>
      </c>
      <c r="CF19" s="181" t="s">
        <v>329</v>
      </c>
      <c r="CG19" s="180">
        <v>23000</v>
      </c>
      <c r="CH19" s="90" t="s">
        <v>623</v>
      </c>
      <c r="CI19" s="91">
        <v>5500</v>
      </c>
      <c r="CJ19" s="90" t="s">
        <v>328</v>
      </c>
      <c r="CK19" s="94">
        <v>16643</v>
      </c>
      <c r="CL19" s="181" t="s">
        <v>594</v>
      </c>
      <c r="CM19" s="91">
        <v>36250</v>
      </c>
      <c r="CN19" s="181" t="s">
        <v>329</v>
      </c>
      <c r="CO19" s="180">
        <v>22380</v>
      </c>
      <c r="CP19" s="90" t="s">
        <v>328</v>
      </c>
      <c r="CQ19" s="180">
        <v>17445</v>
      </c>
      <c r="CR19" s="90"/>
      <c r="CS19" s="91"/>
      <c r="CT19" s="181"/>
      <c r="CU19" s="180"/>
      <c r="CV19" s="90" t="s">
        <v>626</v>
      </c>
      <c r="CW19" s="91">
        <v>11200</v>
      </c>
      <c r="CX19" s="183" t="s">
        <v>312</v>
      </c>
      <c r="CY19" s="182">
        <v>42690</v>
      </c>
      <c r="CZ19" s="90" t="s">
        <v>328</v>
      </c>
      <c r="DA19" s="91">
        <v>2600</v>
      </c>
      <c r="DB19" s="90" t="s">
        <v>328</v>
      </c>
      <c r="DC19" s="91">
        <v>8000</v>
      </c>
      <c r="DD19" s="181" t="s">
        <v>627</v>
      </c>
      <c r="DE19" s="180">
        <v>69660</v>
      </c>
      <c r="DF19" s="181"/>
      <c r="DG19" s="180"/>
      <c r="DH19" s="90" t="s">
        <v>596</v>
      </c>
      <c r="DI19" s="91">
        <v>25600</v>
      </c>
      <c r="DJ19" s="181" t="s">
        <v>329</v>
      </c>
      <c r="DK19" s="180">
        <v>21300</v>
      </c>
    </row>
    <row r="20" spans="1:115" ht="10" customHeight="1">
      <c r="A20" s="475"/>
      <c r="B20" s="478"/>
      <c r="C20" s="371" t="s">
        <v>315</v>
      </c>
      <c r="D20" s="468"/>
      <c r="E20" s="469"/>
      <c r="F20" s="177"/>
      <c r="G20" s="176"/>
      <c r="H20" s="177"/>
      <c r="I20" s="176"/>
      <c r="J20" s="177"/>
      <c r="K20" s="176"/>
      <c r="L20" s="177"/>
      <c r="M20" s="176"/>
      <c r="N20" s="103"/>
      <c r="O20" s="104"/>
      <c r="P20" s="177"/>
      <c r="Q20" s="176"/>
      <c r="R20" s="177"/>
      <c r="S20" s="176"/>
      <c r="T20" s="177"/>
      <c r="U20" s="176"/>
      <c r="V20" s="177"/>
      <c r="W20" s="104"/>
      <c r="X20" s="177"/>
      <c r="Y20" s="176"/>
      <c r="Z20" s="177"/>
      <c r="AA20" s="176"/>
      <c r="AB20" s="177"/>
      <c r="AC20" s="176"/>
      <c r="AD20" s="103"/>
      <c r="AE20" s="104"/>
      <c r="AF20" s="105"/>
      <c r="AG20" s="106"/>
      <c r="AH20" s="103"/>
      <c r="AI20" s="104"/>
      <c r="AJ20" s="103"/>
      <c r="AK20" s="104"/>
      <c r="AL20" s="177"/>
      <c r="AM20" s="176"/>
      <c r="AN20" s="177"/>
      <c r="AO20" s="176"/>
      <c r="AP20" s="103"/>
      <c r="AQ20" s="104"/>
      <c r="AR20" s="107"/>
      <c r="AS20" s="104"/>
      <c r="AT20" s="103"/>
      <c r="AU20" s="176"/>
      <c r="AV20" s="177"/>
      <c r="AW20" s="176"/>
      <c r="AX20" s="103"/>
      <c r="AY20" s="104"/>
      <c r="AZ20" s="103"/>
      <c r="BA20" s="104"/>
      <c r="BB20" s="177"/>
      <c r="BC20" s="176"/>
      <c r="BD20" s="103"/>
      <c r="BE20" s="104"/>
      <c r="BF20" s="177"/>
      <c r="BG20" s="176"/>
      <c r="BH20" s="177"/>
      <c r="BI20" s="176"/>
      <c r="BJ20" s="103"/>
      <c r="BK20" s="104"/>
      <c r="BL20" s="177"/>
      <c r="BM20" s="176"/>
      <c r="BN20" s="177"/>
      <c r="BO20" s="176"/>
      <c r="BP20" s="103"/>
      <c r="BQ20" s="104"/>
      <c r="BR20" s="103"/>
      <c r="BS20" s="104"/>
      <c r="BT20" s="177"/>
      <c r="BU20" s="176"/>
      <c r="BV20" s="103"/>
      <c r="BW20" s="104"/>
      <c r="BX20" s="177"/>
      <c r="BY20" s="176"/>
      <c r="BZ20" s="177"/>
      <c r="CA20" s="176"/>
      <c r="CB20" s="177"/>
      <c r="CC20" s="176"/>
      <c r="CD20" s="177"/>
      <c r="CE20" s="176"/>
      <c r="CF20" s="177"/>
      <c r="CG20" s="176"/>
      <c r="CH20" s="103"/>
      <c r="CI20" s="104"/>
      <c r="CJ20" s="103"/>
      <c r="CK20" s="108"/>
      <c r="CL20" s="177"/>
      <c r="CM20" s="104"/>
      <c r="CN20" s="177"/>
      <c r="CO20" s="176"/>
      <c r="CP20" s="103"/>
      <c r="CQ20" s="176"/>
      <c r="CR20" s="103"/>
      <c r="CS20" s="104"/>
      <c r="CT20" s="177"/>
      <c r="CU20" s="176"/>
      <c r="CV20" s="103"/>
      <c r="CW20" s="104"/>
      <c r="CX20" s="179" t="s">
        <v>624</v>
      </c>
      <c r="CY20" s="178"/>
      <c r="CZ20" s="103"/>
      <c r="DA20" s="104"/>
      <c r="DB20" s="103"/>
      <c r="DC20" s="104"/>
      <c r="DD20" s="177"/>
      <c r="DE20" s="176"/>
      <c r="DF20" s="177"/>
      <c r="DG20" s="176"/>
      <c r="DH20" s="103"/>
      <c r="DI20" s="104"/>
      <c r="DJ20" s="177"/>
      <c r="DK20" s="176"/>
    </row>
    <row r="21" spans="1:115" ht="10" customHeight="1">
      <c r="A21" s="475"/>
      <c r="B21" s="470" t="s">
        <v>330</v>
      </c>
      <c r="C21" s="465" t="s">
        <v>305</v>
      </c>
      <c r="D21" s="462"/>
      <c r="E21" s="463"/>
      <c r="F21" s="153" t="s">
        <v>307</v>
      </c>
      <c r="G21" s="154" t="s">
        <v>331</v>
      </c>
      <c r="H21" s="153" t="s">
        <v>307</v>
      </c>
      <c r="I21" s="154" t="s">
        <v>628</v>
      </c>
      <c r="J21" s="153" t="s">
        <v>307</v>
      </c>
      <c r="K21" s="151" t="s">
        <v>629</v>
      </c>
      <c r="L21" s="153" t="s">
        <v>307</v>
      </c>
      <c r="M21" s="174" t="s">
        <v>630</v>
      </c>
      <c r="N21" s="99" t="s">
        <v>307</v>
      </c>
      <c r="O21" s="109" t="s">
        <v>631</v>
      </c>
      <c r="P21" s="153" t="s">
        <v>307</v>
      </c>
      <c r="Q21" s="151" t="s">
        <v>632</v>
      </c>
      <c r="R21" s="153" t="s">
        <v>307</v>
      </c>
      <c r="S21" s="151" t="s">
        <v>633</v>
      </c>
      <c r="T21" s="153" t="s">
        <v>307</v>
      </c>
      <c r="U21" s="151" t="s">
        <v>634</v>
      </c>
      <c r="V21" s="153" t="s">
        <v>307</v>
      </c>
      <c r="W21" s="109" t="s">
        <v>921</v>
      </c>
      <c r="X21" s="153" t="s">
        <v>587</v>
      </c>
      <c r="Y21" s="151" t="s">
        <v>333</v>
      </c>
      <c r="Z21" s="153" t="s">
        <v>307</v>
      </c>
      <c r="AA21" s="151" t="s">
        <v>334</v>
      </c>
      <c r="AB21" s="153" t="s">
        <v>307</v>
      </c>
      <c r="AC21" s="151" t="s">
        <v>635</v>
      </c>
      <c r="AD21" s="99" t="s">
        <v>309</v>
      </c>
      <c r="AE21" s="109" t="s">
        <v>886</v>
      </c>
      <c r="AF21" s="110" t="s">
        <v>307</v>
      </c>
      <c r="AG21" s="111" t="s">
        <v>636</v>
      </c>
      <c r="AH21" s="112" t="s">
        <v>307</v>
      </c>
      <c r="AI21" s="113" t="s">
        <v>637</v>
      </c>
      <c r="AJ21" s="99" t="s">
        <v>307</v>
      </c>
      <c r="AK21" s="109" t="s">
        <v>638</v>
      </c>
      <c r="AL21" s="153" t="s">
        <v>587</v>
      </c>
      <c r="AM21" s="151" t="s">
        <v>336</v>
      </c>
      <c r="AN21" s="153" t="s">
        <v>308</v>
      </c>
      <c r="AO21" s="151" t="s">
        <v>332</v>
      </c>
      <c r="AP21" s="99" t="s">
        <v>307</v>
      </c>
      <c r="AQ21" s="109" t="s">
        <v>922</v>
      </c>
      <c r="AR21" s="99" t="s">
        <v>307</v>
      </c>
      <c r="AS21" s="109" t="s">
        <v>639</v>
      </c>
      <c r="AT21" s="99" t="s">
        <v>307</v>
      </c>
      <c r="AU21" s="151" t="s">
        <v>640</v>
      </c>
      <c r="AV21" s="153" t="s">
        <v>307</v>
      </c>
      <c r="AW21" s="151" t="s">
        <v>641</v>
      </c>
      <c r="AX21" s="99" t="s">
        <v>307</v>
      </c>
      <c r="AY21" s="109" t="s">
        <v>923</v>
      </c>
      <c r="AZ21" s="99" t="s">
        <v>307</v>
      </c>
      <c r="BA21" s="109" t="s">
        <v>642</v>
      </c>
      <c r="BB21" s="153" t="s">
        <v>307</v>
      </c>
      <c r="BC21" s="151" t="s">
        <v>632</v>
      </c>
      <c r="BD21" s="99" t="s">
        <v>307</v>
      </c>
      <c r="BE21" s="109" t="s">
        <v>338</v>
      </c>
      <c r="BF21" s="153" t="s">
        <v>587</v>
      </c>
      <c r="BG21" s="151" t="s">
        <v>339</v>
      </c>
      <c r="BH21" s="153" t="s">
        <v>307</v>
      </c>
      <c r="BI21" s="151" t="s">
        <v>643</v>
      </c>
      <c r="BJ21" s="99" t="s">
        <v>309</v>
      </c>
      <c r="BK21" s="109" t="s">
        <v>603</v>
      </c>
      <c r="BL21" s="153" t="s">
        <v>307</v>
      </c>
      <c r="BM21" s="151" t="s">
        <v>633</v>
      </c>
      <c r="BN21" s="153" t="s">
        <v>307</v>
      </c>
      <c r="BO21" s="151" t="s">
        <v>644</v>
      </c>
      <c r="BP21" s="99" t="s">
        <v>307</v>
      </c>
      <c r="BQ21" s="109" t="s">
        <v>885</v>
      </c>
      <c r="BR21" s="99" t="s">
        <v>307</v>
      </c>
      <c r="BS21" s="109" t="s">
        <v>955</v>
      </c>
      <c r="BT21" s="153" t="s">
        <v>307</v>
      </c>
      <c r="BU21" s="151" t="s">
        <v>341</v>
      </c>
      <c r="BV21" s="99" t="s">
        <v>307</v>
      </c>
      <c r="BW21" s="109" t="s">
        <v>342</v>
      </c>
      <c r="BX21" s="153" t="s">
        <v>307</v>
      </c>
      <c r="BY21" s="151" t="s">
        <v>343</v>
      </c>
      <c r="BZ21" s="153" t="s">
        <v>307</v>
      </c>
      <c r="CA21" s="151" t="s">
        <v>645</v>
      </c>
      <c r="CB21" s="153" t="s">
        <v>307</v>
      </c>
      <c r="CC21" s="151" t="s">
        <v>344</v>
      </c>
      <c r="CD21" s="153" t="s">
        <v>307</v>
      </c>
      <c r="CE21" s="151" t="s">
        <v>340</v>
      </c>
      <c r="CF21" s="153" t="s">
        <v>307</v>
      </c>
      <c r="CG21" s="151" t="s">
        <v>345</v>
      </c>
      <c r="CH21" s="99" t="s">
        <v>587</v>
      </c>
      <c r="CI21" s="143" t="s">
        <v>886</v>
      </c>
      <c r="CJ21" s="99" t="s">
        <v>307</v>
      </c>
      <c r="CK21" s="109" t="s">
        <v>604</v>
      </c>
      <c r="CL21" s="153" t="s">
        <v>587</v>
      </c>
      <c r="CM21" s="109" t="s">
        <v>887</v>
      </c>
      <c r="CN21" s="153" t="s">
        <v>307</v>
      </c>
      <c r="CO21" s="151" t="s">
        <v>346</v>
      </c>
      <c r="CP21" s="99" t="s">
        <v>307</v>
      </c>
      <c r="CQ21" s="151" t="s">
        <v>646</v>
      </c>
      <c r="CR21" s="99" t="s">
        <v>647</v>
      </c>
      <c r="CS21" s="151" t="s">
        <v>601</v>
      </c>
      <c r="CT21" s="153"/>
      <c r="CU21" s="151" t="s">
        <v>348</v>
      </c>
      <c r="CV21" s="99" t="s">
        <v>307</v>
      </c>
      <c r="CW21" s="109" t="s">
        <v>648</v>
      </c>
      <c r="CX21" s="164" t="s">
        <v>307</v>
      </c>
      <c r="CY21" s="167" t="s">
        <v>954</v>
      </c>
      <c r="CZ21" s="99" t="s">
        <v>307</v>
      </c>
      <c r="DA21" s="109" t="s">
        <v>349</v>
      </c>
      <c r="DB21" s="99" t="s">
        <v>307</v>
      </c>
      <c r="DC21" s="109" t="s">
        <v>350</v>
      </c>
      <c r="DD21" s="153" t="s">
        <v>307</v>
      </c>
      <c r="DE21" s="151" t="s">
        <v>351</v>
      </c>
      <c r="DF21" s="153"/>
      <c r="DG21" s="151" t="s">
        <v>602</v>
      </c>
      <c r="DH21" s="99" t="s">
        <v>587</v>
      </c>
      <c r="DI21" s="109" t="s">
        <v>605</v>
      </c>
      <c r="DJ21" s="153" t="s">
        <v>307</v>
      </c>
      <c r="DK21" s="151" t="s">
        <v>649</v>
      </c>
    </row>
    <row r="22" spans="1:115" ht="10" customHeight="1">
      <c r="A22" s="475"/>
      <c r="B22" s="471"/>
      <c r="C22" s="465"/>
      <c r="D22" s="462" t="s">
        <v>352</v>
      </c>
      <c r="E22" s="463"/>
      <c r="F22" s="152" t="s">
        <v>312</v>
      </c>
      <c r="G22" s="154" t="s">
        <v>353</v>
      </c>
      <c r="H22" s="152" t="s">
        <v>312</v>
      </c>
      <c r="I22" s="154" t="s">
        <v>650</v>
      </c>
      <c r="J22" s="152" t="s">
        <v>312</v>
      </c>
      <c r="K22" s="151" t="s">
        <v>651</v>
      </c>
      <c r="L22" s="152" t="s">
        <v>312</v>
      </c>
      <c r="M22" s="174" t="s">
        <v>652</v>
      </c>
      <c r="N22" s="114" t="s">
        <v>312</v>
      </c>
      <c r="O22" s="109" t="s">
        <v>653</v>
      </c>
      <c r="P22" s="152" t="s">
        <v>312</v>
      </c>
      <c r="Q22" s="151" t="s">
        <v>354</v>
      </c>
      <c r="R22" s="152" t="s">
        <v>312</v>
      </c>
      <c r="S22" s="151" t="s">
        <v>337</v>
      </c>
      <c r="T22" s="152" t="s">
        <v>312</v>
      </c>
      <c r="U22" s="151" t="s">
        <v>654</v>
      </c>
      <c r="V22" s="152" t="s">
        <v>312</v>
      </c>
      <c r="W22" s="109" t="s">
        <v>924</v>
      </c>
      <c r="X22" s="152" t="s">
        <v>588</v>
      </c>
      <c r="Y22" s="151" t="s">
        <v>355</v>
      </c>
      <c r="Z22" s="152" t="s">
        <v>312</v>
      </c>
      <c r="AA22" s="151" t="s">
        <v>356</v>
      </c>
      <c r="AB22" s="152" t="s">
        <v>312</v>
      </c>
      <c r="AC22" s="151" t="s">
        <v>339</v>
      </c>
      <c r="AD22" s="114"/>
      <c r="AE22" s="109" t="s">
        <v>666</v>
      </c>
      <c r="AF22" s="115" t="s">
        <v>312</v>
      </c>
      <c r="AG22" s="111" t="s">
        <v>655</v>
      </c>
      <c r="AH22" s="114" t="s">
        <v>312</v>
      </c>
      <c r="AI22" s="116" t="s">
        <v>656</v>
      </c>
      <c r="AJ22" s="114" t="s">
        <v>312</v>
      </c>
      <c r="AK22" s="109" t="s">
        <v>336</v>
      </c>
      <c r="AL22" s="152" t="s">
        <v>588</v>
      </c>
      <c r="AM22" s="151" t="s">
        <v>359</v>
      </c>
      <c r="AN22" s="153"/>
      <c r="AO22" s="151" t="s">
        <v>360</v>
      </c>
      <c r="AP22" s="114" t="s">
        <v>312</v>
      </c>
      <c r="AQ22" s="109" t="s">
        <v>925</v>
      </c>
      <c r="AR22" s="114" t="s">
        <v>312</v>
      </c>
      <c r="AS22" s="109" t="s">
        <v>335</v>
      </c>
      <c r="AT22" s="114" t="s">
        <v>312</v>
      </c>
      <c r="AU22" s="151" t="s">
        <v>657</v>
      </c>
      <c r="AV22" s="152" t="s">
        <v>312</v>
      </c>
      <c r="AW22" s="151" t="s">
        <v>362</v>
      </c>
      <c r="AX22" s="114" t="s">
        <v>312</v>
      </c>
      <c r="AY22" s="109" t="s">
        <v>926</v>
      </c>
      <c r="AZ22" s="114" t="s">
        <v>312</v>
      </c>
      <c r="BA22" s="109" t="s">
        <v>361</v>
      </c>
      <c r="BB22" s="152" t="s">
        <v>312</v>
      </c>
      <c r="BC22" s="151" t="s">
        <v>363</v>
      </c>
      <c r="BD22" s="114" t="s">
        <v>312</v>
      </c>
      <c r="BE22" s="109" t="s">
        <v>340</v>
      </c>
      <c r="BF22" s="152" t="s">
        <v>588</v>
      </c>
      <c r="BG22" s="151" t="s">
        <v>364</v>
      </c>
      <c r="BH22" s="152" t="s">
        <v>312</v>
      </c>
      <c r="BI22" s="151" t="s">
        <v>336</v>
      </c>
      <c r="BJ22" s="99" t="s">
        <v>313</v>
      </c>
      <c r="BK22" s="109" t="s">
        <v>359</v>
      </c>
      <c r="BL22" s="152" t="s">
        <v>312</v>
      </c>
      <c r="BM22" s="151" t="s">
        <v>340</v>
      </c>
      <c r="BN22" s="152" t="s">
        <v>312</v>
      </c>
      <c r="BO22" s="151" t="s">
        <v>658</v>
      </c>
      <c r="BP22" s="114" t="s">
        <v>312</v>
      </c>
      <c r="BQ22" s="109" t="s">
        <v>888</v>
      </c>
      <c r="BR22" s="114" t="s">
        <v>312</v>
      </c>
      <c r="BS22" s="109" t="s">
        <v>483</v>
      </c>
      <c r="BT22" s="152" t="s">
        <v>312</v>
      </c>
      <c r="BU22" s="151" t="s">
        <v>366</v>
      </c>
      <c r="BV22" s="114" t="s">
        <v>312</v>
      </c>
      <c r="BW22" s="109" t="s">
        <v>367</v>
      </c>
      <c r="BX22" s="152" t="s">
        <v>312</v>
      </c>
      <c r="BY22" s="151" t="s">
        <v>368</v>
      </c>
      <c r="BZ22" s="152" t="s">
        <v>312</v>
      </c>
      <c r="CA22" s="151" t="s">
        <v>659</v>
      </c>
      <c r="CB22" s="152" t="s">
        <v>312</v>
      </c>
      <c r="CC22" s="151" t="s">
        <v>369</v>
      </c>
      <c r="CD22" s="152" t="s">
        <v>312</v>
      </c>
      <c r="CE22" s="151" t="s">
        <v>370</v>
      </c>
      <c r="CF22" s="152" t="s">
        <v>312</v>
      </c>
      <c r="CG22" s="151" t="s">
        <v>371</v>
      </c>
      <c r="CH22" s="114" t="s">
        <v>312</v>
      </c>
      <c r="CI22" s="143" t="s">
        <v>666</v>
      </c>
      <c r="CJ22" s="114" t="s">
        <v>312</v>
      </c>
      <c r="CK22" s="109" t="s">
        <v>357</v>
      </c>
      <c r="CL22" s="152" t="s">
        <v>588</v>
      </c>
      <c r="CM22" s="109" t="s">
        <v>889</v>
      </c>
      <c r="CN22" s="152" t="s">
        <v>312</v>
      </c>
      <c r="CO22" s="151" t="s">
        <v>372</v>
      </c>
      <c r="CP22" s="114" t="s">
        <v>312</v>
      </c>
      <c r="CQ22" s="109" t="s">
        <v>927</v>
      </c>
      <c r="CR22" s="114"/>
      <c r="CS22" s="151" t="s">
        <v>660</v>
      </c>
      <c r="CT22" s="152"/>
      <c r="CU22" s="151" t="s">
        <v>374</v>
      </c>
      <c r="CV22" s="114" t="s">
        <v>312</v>
      </c>
      <c r="CW22" s="109" t="s">
        <v>661</v>
      </c>
      <c r="CX22" s="163"/>
      <c r="CY22" s="160" t="s">
        <v>953</v>
      </c>
      <c r="CZ22" s="114" t="s">
        <v>662</v>
      </c>
      <c r="DA22" s="109" t="s">
        <v>375</v>
      </c>
      <c r="DB22" s="114" t="s">
        <v>312</v>
      </c>
      <c r="DC22" s="109" t="s">
        <v>376</v>
      </c>
      <c r="DD22" s="152" t="s">
        <v>312</v>
      </c>
      <c r="DE22" s="151" t="s">
        <v>377</v>
      </c>
      <c r="DF22" s="152"/>
      <c r="DG22" s="151" t="s">
        <v>378</v>
      </c>
      <c r="DH22" s="114" t="s">
        <v>588</v>
      </c>
      <c r="DI22" s="109" t="s">
        <v>379</v>
      </c>
      <c r="DJ22" s="152" t="s">
        <v>312</v>
      </c>
      <c r="DK22" s="151" t="s">
        <v>347</v>
      </c>
    </row>
    <row r="23" spans="1:115" ht="10" customHeight="1">
      <c r="A23" s="475"/>
      <c r="B23" s="471"/>
      <c r="C23" s="465"/>
      <c r="D23" s="462"/>
      <c r="E23" s="463"/>
      <c r="F23" s="166" t="s">
        <v>321</v>
      </c>
      <c r="G23" s="154" t="s">
        <v>380</v>
      </c>
      <c r="H23" s="150"/>
      <c r="I23" s="151" t="s">
        <v>381</v>
      </c>
      <c r="J23" s="166" t="s">
        <v>321</v>
      </c>
      <c r="K23" s="151" t="s">
        <v>663</v>
      </c>
      <c r="L23" s="166" t="s">
        <v>321</v>
      </c>
      <c r="M23" s="174" t="s">
        <v>664</v>
      </c>
      <c r="N23" s="117"/>
      <c r="O23" s="109" t="s">
        <v>665</v>
      </c>
      <c r="P23" s="150"/>
      <c r="Q23" s="151" t="s">
        <v>383</v>
      </c>
      <c r="R23" s="150"/>
      <c r="S23" s="151" t="s">
        <v>365</v>
      </c>
      <c r="T23" s="150"/>
      <c r="U23" s="151" t="s">
        <v>666</v>
      </c>
      <c r="V23" s="153"/>
      <c r="W23" s="109" t="s">
        <v>928</v>
      </c>
      <c r="X23" s="153"/>
      <c r="Y23" s="151" t="s">
        <v>385</v>
      </c>
      <c r="Z23" s="153"/>
      <c r="AA23" s="151" t="s">
        <v>386</v>
      </c>
      <c r="AB23" s="153"/>
      <c r="AC23" s="151" t="s">
        <v>358</v>
      </c>
      <c r="AD23" s="99"/>
      <c r="AE23" s="109" t="s">
        <v>427</v>
      </c>
      <c r="AF23" s="110" t="s">
        <v>316</v>
      </c>
      <c r="AG23" s="111" t="s">
        <v>667</v>
      </c>
      <c r="AH23" s="99" t="s">
        <v>316</v>
      </c>
      <c r="AI23" s="109" t="s">
        <v>668</v>
      </c>
      <c r="AJ23" s="99"/>
      <c r="AK23" s="109" t="s">
        <v>387</v>
      </c>
      <c r="AL23" s="153"/>
      <c r="AM23" s="151" t="s">
        <v>388</v>
      </c>
      <c r="AN23" s="153"/>
      <c r="AO23" s="151" t="s">
        <v>389</v>
      </c>
      <c r="AP23" s="99"/>
      <c r="AQ23" s="109" t="s">
        <v>365</v>
      </c>
      <c r="AR23" s="99"/>
      <c r="AS23" s="109" t="s">
        <v>390</v>
      </c>
      <c r="AT23" s="99"/>
      <c r="AU23" s="151" t="s">
        <v>669</v>
      </c>
      <c r="AV23" s="153"/>
      <c r="AW23" s="151" t="s">
        <v>391</v>
      </c>
      <c r="AX23" s="99"/>
      <c r="AY23" s="109" t="s">
        <v>373</v>
      </c>
      <c r="AZ23" s="99"/>
      <c r="BA23" s="109" t="s">
        <v>392</v>
      </c>
      <c r="BB23" s="153"/>
      <c r="BC23" s="151" t="s">
        <v>393</v>
      </c>
      <c r="BD23" s="99"/>
      <c r="BE23" s="109" t="s">
        <v>358</v>
      </c>
      <c r="BF23" s="153"/>
      <c r="BG23" s="151" t="s">
        <v>394</v>
      </c>
      <c r="BH23" s="153"/>
      <c r="BI23" s="151" t="s">
        <v>359</v>
      </c>
      <c r="BJ23" s="99"/>
      <c r="BK23" s="109" t="s">
        <v>369</v>
      </c>
      <c r="BL23" s="153"/>
      <c r="BM23" s="151" t="s">
        <v>370</v>
      </c>
      <c r="BN23" s="153"/>
      <c r="BO23" s="151" t="s">
        <v>670</v>
      </c>
      <c r="BP23" s="99"/>
      <c r="BQ23" s="109" t="s">
        <v>890</v>
      </c>
      <c r="BR23" s="99"/>
      <c r="BS23" s="109" t="s">
        <v>891</v>
      </c>
      <c r="BT23" s="153" t="s">
        <v>316</v>
      </c>
      <c r="BU23" s="151" t="s">
        <v>396</v>
      </c>
      <c r="BV23" s="99" t="s">
        <v>316</v>
      </c>
      <c r="BW23" s="109" t="s">
        <v>397</v>
      </c>
      <c r="BX23" s="153" t="s">
        <v>316</v>
      </c>
      <c r="BY23" s="151" t="s">
        <v>398</v>
      </c>
      <c r="BZ23" s="153"/>
      <c r="CA23" s="151" t="s">
        <v>671</v>
      </c>
      <c r="CB23" s="153"/>
      <c r="CC23" s="151" t="s">
        <v>399</v>
      </c>
      <c r="CD23" s="153" t="s">
        <v>316</v>
      </c>
      <c r="CE23" s="151" t="s">
        <v>400</v>
      </c>
      <c r="CF23" s="153" t="s">
        <v>316</v>
      </c>
      <c r="CG23" s="151" t="s">
        <v>357</v>
      </c>
      <c r="CH23" s="99"/>
      <c r="CI23" s="143" t="s">
        <v>427</v>
      </c>
      <c r="CJ23" s="99"/>
      <c r="CK23" s="109" t="s">
        <v>404</v>
      </c>
      <c r="CL23" s="175"/>
      <c r="CM23" s="109" t="s">
        <v>892</v>
      </c>
      <c r="CN23" s="153"/>
      <c r="CO23" s="151" t="s">
        <v>401</v>
      </c>
      <c r="CP23" s="99"/>
      <c r="CQ23" s="109" t="s">
        <v>414</v>
      </c>
      <c r="CR23" s="99"/>
      <c r="CS23" s="151" t="s">
        <v>672</v>
      </c>
      <c r="CT23" s="153"/>
      <c r="CU23" s="151" t="s">
        <v>402</v>
      </c>
      <c r="CV23" s="99" t="s">
        <v>316</v>
      </c>
      <c r="CW23" s="109" t="s">
        <v>673</v>
      </c>
      <c r="CX23" s="164"/>
      <c r="CY23" s="160" t="s">
        <v>952</v>
      </c>
      <c r="CZ23" s="99" t="s">
        <v>316</v>
      </c>
      <c r="DA23" s="109" t="s">
        <v>403</v>
      </c>
      <c r="DB23" s="99"/>
      <c r="DC23" s="109" t="s">
        <v>404</v>
      </c>
      <c r="DD23" s="153" t="s">
        <v>321</v>
      </c>
      <c r="DE23" s="151" t="s">
        <v>405</v>
      </c>
      <c r="DF23" s="153"/>
      <c r="DG23" s="151" t="s">
        <v>406</v>
      </c>
      <c r="DH23" s="99"/>
      <c r="DI23" s="109" t="s">
        <v>407</v>
      </c>
      <c r="DJ23" s="150"/>
      <c r="DK23" s="151" t="s">
        <v>382</v>
      </c>
    </row>
    <row r="24" spans="1:115" ht="10" customHeight="1">
      <c r="A24" s="475"/>
      <c r="B24" s="471"/>
      <c r="C24" s="465"/>
      <c r="D24" s="462" t="s">
        <v>408</v>
      </c>
      <c r="E24" s="463"/>
      <c r="F24" s="150"/>
      <c r="G24" s="149"/>
      <c r="H24" s="150"/>
      <c r="I24" s="151" t="s">
        <v>409</v>
      </c>
      <c r="J24" s="152"/>
      <c r="K24" s="151" t="s">
        <v>674</v>
      </c>
      <c r="L24" s="150"/>
      <c r="M24" s="174" t="s">
        <v>675</v>
      </c>
      <c r="N24" s="99"/>
      <c r="O24" s="109" t="s">
        <v>676</v>
      </c>
      <c r="P24" s="150"/>
      <c r="Q24" s="151" t="s">
        <v>411</v>
      </c>
      <c r="R24" s="153"/>
      <c r="S24" s="151" t="s">
        <v>369</v>
      </c>
      <c r="T24" s="153"/>
      <c r="U24" s="151" t="s">
        <v>677</v>
      </c>
      <c r="V24" s="152"/>
      <c r="W24" s="109" t="s">
        <v>929</v>
      </c>
      <c r="X24" s="152"/>
      <c r="Y24" s="151" t="s">
        <v>412</v>
      </c>
      <c r="Z24" s="152"/>
      <c r="AA24" s="151" t="s">
        <v>413</v>
      </c>
      <c r="AB24" s="152"/>
      <c r="AC24" s="151" t="s">
        <v>678</v>
      </c>
      <c r="AD24" s="114"/>
      <c r="AE24" s="109" t="s">
        <v>928</v>
      </c>
      <c r="AF24" s="115"/>
      <c r="AG24" s="118" t="s">
        <v>679</v>
      </c>
      <c r="AH24" s="114"/>
      <c r="AI24" s="109" t="s">
        <v>680</v>
      </c>
      <c r="AJ24" s="114"/>
      <c r="AK24" s="109" t="s">
        <v>414</v>
      </c>
      <c r="AL24" s="152"/>
      <c r="AM24" s="151" t="s">
        <v>415</v>
      </c>
      <c r="AN24" s="152"/>
      <c r="AO24" s="151" t="s">
        <v>416</v>
      </c>
      <c r="AP24" s="114"/>
      <c r="AQ24" s="109" t="s">
        <v>678</v>
      </c>
      <c r="AR24" s="114"/>
      <c r="AS24" s="109" t="s">
        <v>417</v>
      </c>
      <c r="AT24" s="114"/>
      <c r="AU24" s="151" t="s">
        <v>681</v>
      </c>
      <c r="AV24" s="152"/>
      <c r="AW24" s="151" t="s">
        <v>418</v>
      </c>
      <c r="AX24" s="114"/>
      <c r="AY24" s="109" t="s">
        <v>930</v>
      </c>
      <c r="AZ24" s="114"/>
      <c r="BA24" s="109" t="s">
        <v>384</v>
      </c>
      <c r="BB24" s="152"/>
      <c r="BC24" s="151" t="s">
        <v>411</v>
      </c>
      <c r="BD24" s="114"/>
      <c r="BE24" s="109" t="s">
        <v>419</v>
      </c>
      <c r="BF24" s="152"/>
      <c r="BG24" s="151" t="s">
        <v>420</v>
      </c>
      <c r="BH24" s="152"/>
      <c r="BI24" s="151" t="s">
        <v>682</v>
      </c>
      <c r="BJ24" s="114"/>
      <c r="BK24" s="109" t="s">
        <v>438</v>
      </c>
      <c r="BL24" s="152"/>
      <c r="BM24" s="151" t="s">
        <v>404</v>
      </c>
      <c r="BN24" s="152"/>
      <c r="BO24" s="151" t="s">
        <v>683</v>
      </c>
      <c r="BP24" s="114"/>
      <c r="BQ24" s="109" t="s">
        <v>893</v>
      </c>
      <c r="BR24" s="114"/>
      <c r="BS24" s="109" t="s">
        <v>894</v>
      </c>
      <c r="BT24" s="152"/>
      <c r="BU24" s="151" t="s">
        <v>422</v>
      </c>
      <c r="BV24" s="114"/>
      <c r="BW24" s="109" t="s">
        <v>423</v>
      </c>
      <c r="BX24" s="152"/>
      <c r="BY24" s="151" t="s">
        <v>424</v>
      </c>
      <c r="BZ24" s="152"/>
      <c r="CA24" s="151" t="s">
        <v>684</v>
      </c>
      <c r="CB24" s="152"/>
      <c r="CC24" s="151" t="s">
        <v>425</v>
      </c>
      <c r="CD24" s="152"/>
      <c r="CE24" s="151" t="s">
        <v>426</v>
      </c>
      <c r="CF24" s="152"/>
      <c r="CG24" s="151" t="s">
        <v>427</v>
      </c>
      <c r="CH24" s="114"/>
      <c r="CI24" s="143" t="s">
        <v>895</v>
      </c>
      <c r="CJ24" s="114"/>
      <c r="CK24" s="109" t="s">
        <v>410</v>
      </c>
      <c r="CL24" s="152"/>
      <c r="CM24" s="109" t="s">
        <v>896</v>
      </c>
      <c r="CN24" s="152"/>
      <c r="CO24" s="151" t="s">
        <v>429</v>
      </c>
      <c r="CP24" s="114"/>
      <c r="CQ24" s="109" t="s">
        <v>931</v>
      </c>
      <c r="CR24" s="114"/>
      <c r="CS24" s="151" t="s">
        <v>685</v>
      </c>
      <c r="CT24" s="152"/>
      <c r="CU24" s="151" t="s">
        <v>430</v>
      </c>
      <c r="CV24" s="114"/>
      <c r="CW24" s="109" t="s">
        <v>686</v>
      </c>
      <c r="CX24" s="163"/>
      <c r="CY24" s="160" t="s">
        <v>951</v>
      </c>
      <c r="CZ24" s="114"/>
      <c r="DA24" s="109" t="s">
        <v>431</v>
      </c>
      <c r="DB24" s="114"/>
      <c r="DC24" s="109" t="s">
        <v>432</v>
      </c>
      <c r="DD24" s="152"/>
      <c r="DE24" s="151" t="s">
        <v>433</v>
      </c>
      <c r="DF24" s="152"/>
      <c r="DG24" s="151" t="s">
        <v>421</v>
      </c>
      <c r="DH24" s="114"/>
      <c r="DI24" s="109" t="s">
        <v>434</v>
      </c>
      <c r="DJ24" s="153"/>
      <c r="DK24" s="151" t="s">
        <v>410</v>
      </c>
    </row>
    <row r="25" spans="1:115" ht="10" customHeight="1">
      <c r="A25" s="475"/>
      <c r="B25" s="471"/>
      <c r="C25" s="465"/>
      <c r="D25" s="462"/>
      <c r="E25" s="463"/>
      <c r="F25" s="152"/>
      <c r="G25" s="154"/>
      <c r="H25" s="150"/>
      <c r="I25" s="151" t="s">
        <v>435</v>
      </c>
      <c r="J25" s="150"/>
      <c r="K25" s="151" t="s">
        <v>687</v>
      </c>
      <c r="L25" s="152"/>
      <c r="M25" s="174" t="s">
        <v>688</v>
      </c>
      <c r="N25" s="114"/>
      <c r="O25" s="109" t="s">
        <v>689</v>
      </c>
      <c r="P25" s="150"/>
      <c r="Q25" s="151" t="s">
        <v>437</v>
      </c>
      <c r="R25" s="152"/>
      <c r="S25" s="151" t="s">
        <v>438</v>
      </c>
      <c r="T25" s="152"/>
      <c r="U25" s="151" t="s">
        <v>690</v>
      </c>
      <c r="V25" s="150"/>
      <c r="W25" s="109" t="s">
        <v>932</v>
      </c>
      <c r="X25" s="150"/>
      <c r="Y25" s="149" t="s">
        <v>439</v>
      </c>
      <c r="Z25" s="150"/>
      <c r="AA25" s="149" t="s">
        <v>440</v>
      </c>
      <c r="AB25" s="150"/>
      <c r="AC25" s="151" t="s">
        <v>691</v>
      </c>
      <c r="AD25" s="117"/>
      <c r="AE25" s="119" t="s">
        <v>933</v>
      </c>
      <c r="AF25" s="120"/>
      <c r="AG25" s="111" t="s">
        <v>692</v>
      </c>
      <c r="AH25" s="117"/>
      <c r="AI25" s="109" t="s">
        <v>693</v>
      </c>
      <c r="AJ25" s="117"/>
      <c r="AK25" s="119" t="s">
        <v>441</v>
      </c>
      <c r="AL25" s="150"/>
      <c r="AM25" s="149"/>
      <c r="AN25" s="150"/>
      <c r="AO25" s="149" t="s">
        <v>425</v>
      </c>
      <c r="AP25" s="117"/>
      <c r="AQ25" s="119" t="s">
        <v>934</v>
      </c>
      <c r="AR25" s="117"/>
      <c r="AS25" s="119" t="s">
        <v>442</v>
      </c>
      <c r="AT25" s="117"/>
      <c r="AU25" s="154" t="s">
        <v>694</v>
      </c>
      <c r="AV25" s="150"/>
      <c r="AW25" s="149" t="s">
        <v>443</v>
      </c>
      <c r="AX25" s="117"/>
      <c r="AY25" s="119"/>
      <c r="AZ25" s="117"/>
      <c r="BA25" s="119" t="s">
        <v>444</v>
      </c>
      <c r="BB25" s="150"/>
      <c r="BC25" s="149" t="s">
        <v>445</v>
      </c>
      <c r="BD25" s="117"/>
      <c r="BE25" s="119" t="s">
        <v>446</v>
      </c>
      <c r="BF25" s="150"/>
      <c r="BG25" s="149" t="s">
        <v>447</v>
      </c>
      <c r="BH25" s="150"/>
      <c r="BI25" s="151" t="s">
        <v>695</v>
      </c>
      <c r="BJ25" s="117"/>
      <c r="BK25" s="119" t="s">
        <v>606</v>
      </c>
      <c r="BL25" s="150"/>
      <c r="BM25" s="149" t="s">
        <v>410</v>
      </c>
      <c r="BN25" s="150"/>
      <c r="BO25" s="149" t="s">
        <v>696</v>
      </c>
      <c r="BP25" s="117"/>
      <c r="BQ25" s="119" t="s">
        <v>897</v>
      </c>
      <c r="BR25" s="117"/>
      <c r="BS25" s="119" t="s">
        <v>898</v>
      </c>
      <c r="BT25" s="150"/>
      <c r="BU25" s="149" t="s">
        <v>428</v>
      </c>
      <c r="BV25" s="99"/>
      <c r="BW25" s="119" t="s">
        <v>448</v>
      </c>
      <c r="BX25" s="150"/>
      <c r="BY25" s="149" t="s">
        <v>449</v>
      </c>
      <c r="BZ25" s="150"/>
      <c r="CA25" s="149" t="s">
        <v>697</v>
      </c>
      <c r="CB25" s="150"/>
      <c r="CC25" s="149"/>
      <c r="CD25" s="150"/>
      <c r="CE25" s="149"/>
      <c r="CF25" s="150"/>
      <c r="CG25" s="151" t="s">
        <v>450</v>
      </c>
      <c r="CH25" s="117"/>
      <c r="CI25" s="143" t="s">
        <v>899</v>
      </c>
      <c r="CJ25" s="117"/>
      <c r="CK25" s="119" t="s">
        <v>436</v>
      </c>
      <c r="CL25" s="150"/>
      <c r="CM25" s="119" t="s">
        <v>900</v>
      </c>
      <c r="CN25" s="150"/>
      <c r="CO25" s="149" t="s">
        <v>451</v>
      </c>
      <c r="CP25" s="117"/>
      <c r="CQ25" s="109" t="s">
        <v>463</v>
      </c>
      <c r="CR25" s="117"/>
      <c r="CS25" s="149" t="s">
        <v>698</v>
      </c>
      <c r="CT25" s="150"/>
      <c r="CU25" s="149" t="s">
        <v>452</v>
      </c>
      <c r="CV25" s="117"/>
      <c r="CW25" s="119" t="s">
        <v>699</v>
      </c>
      <c r="CX25" s="159"/>
      <c r="CY25" s="160" t="s">
        <v>950</v>
      </c>
      <c r="CZ25" s="117"/>
      <c r="DA25" s="109" t="s">
        <v>453</v>
      </c>
      <c r="DB25" s="117"/>
      <c r="DC25" s="119" t="s">
        <v>454</v>
      </c>
      <c r="DD25" s="150"/>
      <c r="DE25" s="149" t="s">
        <v>455</v>
      </c>
      <c r="DF25" s="150"/>
      <c r="DG25" s="149" t="s">
        <v>456</v>
      </c>
      <c r="DH25" s="117"/>
      <c r="DI25" s="119" t="s">
        <v>457</v>
      </c>
      <c r="DJ25" s="152"/>
      <c r="DK25" s="151" t="s">
        <v>436</v>
      </c>
    </row>
    <row r="26" spans="1:115" ht="10" customHeight="1">
      <c r="A26" s="475"/>
      <c r="B26" s="471"/>
      <c r="C26" s="465"/>
      <c r="D26" s="462"/>
      <c r="E26" s="463"/>
      <c r="F26" s="150"/>
      <c r="G26" s="154"/>
      <c r="H26" s="150"/>
      <c r="I26" s="151" t="s">
        <v>458</v>
      </c>
      <c r="J26" s="150"/>
      <c r="K26" s="149"/>
      <c r="L26" s="150"/>
      <c r="M26" s="151"/>
      <c r="N26" s="117"/>
      <c r="O26" s="109" t="s">
        <v>700</v>
      </c>
      <c r="P26" s="150"/>
      <c r="Q26" s="151" t="s">
        <v>459</v>
      </c>
      <c r="R26" s="150"/>
      <c r="S26" s="151" t="s">
        <v>460</v>
      </c>
      <c r="T26" s="150"/>
      <c r="U26" s="151" t="s">
        <v>701</v>
      </c>
      <c r="V26" s="150"/>
      <c r="W26" s="151"/>
      <c r="X26" s="150"/>
      <c r="Y26" s="151" t="s">
        <v>461</v>
      </c>
      <c r="Z26" s="150"/>
      <c r="AA26" s="151" t="s">
        <v>462</v>
      </c>
      <c r="AB26" s="150"/>
      <c r="AC26" s="151" t="s">
        <v>702</v>
      </c>
      <c r="AD26" s="117"/>
      <c r="AE26" s="109" t="s">
        <v>935</v>
      </c>
      <c r="AF26" s="120"/>
      <c r="AG26" s="111"/>
      <c r="AH26" s="117"/>
      <c r="AI26" s="109" t="s">
        <v>703</v>
      </c>
      <c r="AJ26" s="117"/>
      <c r="AK26" s="109" t="s">
        <v>463</v>
      </c>
      <c r="AL26" s="150"/>
      <c r="AM26" s="151"/>
      <c r="AN26" s="150"/>
      <c r="AO26" s="151"/>
      <c r="AP26" s="117"/>
      <c r="AQ26" s="109" t="s">
        <v>936</v>
      </c>
      <c r="AR26" s="117"/>
      <c r="AS26" s="109" t="s">
        <v>464</v>
      </c>
      <c r="AT26" s="117"/>
      <c r="AU26" s="151" t="s">
        <v>704</v>
      </c>
      <c r="AV26" s="150"/>
      <c r="AW26" s="151" t="s">
        <v>465</v>
      </c>
      <c r="AX26" s="117"/>
      <c r="AY26" s="109"/>
      <c r="AZ26" s="117"/>
      <c r="BA26" s="109"/>
      <c r="BB26" s="150"/>
      <c r="BC26" s="151" t="s">
        <v>466</v>
      </c>
      <c r="BD26" s="117"/>
      <c r="BE26" s="109"/>
      <c r="BF26" s="150"/>
      <c r="BG26" s="151"/>
      <c r="BH26" s="150"/>
      <c r="BI26" s="151" t="s">
        <v>705</v>
      </c>
      <c r="BJ26" s="117"/>
      <c r="BK26" s="109" t="s">
        <v>467</v>
      </c>
      <c r="BL26" s="150"/>
      <c r="BM26" s="151" t="s">
        <v>436</v>
      </c>
      <c r="BN26" s="150"/>
      <c r="BO26" s="151"/>
      <c r="BP26" s="117"/>
      <c r="BQ26" s="119" t="s">
        <v>901</v>
      </c>
      <c r="BR26" s="117"/>
      <c r="BS26" s="109" t="s">
        <v>902</v>
      </c>
      <c r="BT26" s="150"/>
      <c r="BU26" s="151" t="s">
        <v>468</v>
      </c>
      <c r="BV26" s="99"/>
      <c r="BW26" s="109" t="s">
        <v>469</v>
      </c>
      <c r="BX26" s="150"/>
      <c r="BY26" s="151"/>
      <c r="BZ26" s="150"/>
      <c r="CA26" s="151" t="s">
        <v>706</v>
      </c>
      <c r="CB26" s="150"/>
      <c r="CC26" s="151"/>
      <c r="CD26" s="150"/>
      <c r="CE26" s="151"/>
      <c r="CF26" s="150"/>
      <c r="CG26" s="151"/>
      <c r="CH26" s="117"/>
      <c r="CI26" s="143" t="s">
        <v>903</v>
      </c>
      <c r="CJ26" s="117"/>
      <c r="CK26" s="109"/>
      <c r="CL26" s="150"/>
      <c r="CM26" s="109" t="s">
        <v>904</v>
      </c>
      <c r="CN26" s="150"/>
      <c r="CO26" s="151" t="s">
        <v>470</v>
      </c>
      <c r="CP26" s="117"/>
      <c r="CQ26" s="109"/>
      <c r="CR26" s="117"/>
      <c r="CS26" s="149" t="s">
        <v>707</v>
      </c>
      <c r="CT26" s="150"/>
      <c r="CU26" s="151"/>
      <c r="CV26" s="117"/>
      <c r="CW26" s="109"/>
      <c r="CX26" s="159"/>
      <c r="CY26" s="160" t="s">
        <v>949</v>
      </c>
      <c r="CZ26" s="117"/>
      <c r="DA26" s="109" t="s">
        <v>471</v>
      </c>
      <c r="DB26" s="117"/>
      <c r="DC26" s="109" t="s">
        <v>472</v>
      </c>
      <c r="DD26" s="150"/>
      <c r="DE26" s="151"/>
      <c r="DF26" s="150"/>
      <c r="DG26" s="151" t="s">
        <v>473</v>
      </c>
      <c r="DH26" s="117"/>
      <c r="DI26" s="109" t="s">
        <v>474</v>
      </c>
      <c r="DJ26" s="150"/>
      <c r="DK26" s="149"/>
    </row>
    <row r="27" spans="1:115" ht="10" customHeight="1">
      <c r="A27" s="475"/>
      <c r="B27" s="471"/>
      <c r="C27" s="465"/>
      <c r="D27" s="462"/>
      <c r="E27" s="463"/>
      <c r="F27" s="150"/>
      <c r="G27" s="154"/>
      <c r="H27" s="150"/>
      <c r="I27" s="151" t="s">
        <v>475</v>
      </c>
      <c r="J27" s="150"/>
      <c r="K27" s="149"/>
      <c r="L27" s="150"/>
      <c r="M27" s="151"/>
      <c r="N27" s="117"/>
      <c r="O27" s="109"/>
      <c r="P27" s="150"/>
      <c r="Q27" s="149" t="s">
        <v>476</v>
      </c>
      <c r="R27" s="150"/>
      <c r="S27" s="151"/>
      <c r="T27" s="150"/>
      <c r="U27" s="151"/>
      <c r="V27" s="150"/>
      <c r="W27" s="151"/>
      <c r="X27" s="150"/>
      <c r="Y27" s="151"/>
      <c r="Z27" s="150"/>
      <c r="AA27" s="151" t="s">
        <v>477</v>
      </c>
      <c r="AB27" s="150"/>
      <c r="AC27" s="151"/>
      <c r="AD27" s="117"/>
      <c r="AE27" s="109" t="s">
        <v>480</v>
      </c>
      <c r="AF27" s="120"/>
      <c r="AG27" s="111"/>
      <c r="AH27" s="117"/>
      <c r="AI27" s="119" t="s">
        <v>708</v>
      </c>
      <c r="AJ27" s="117"/>
      <c r="AK27" s="109"/>
      <c r="AL27" s="150"/>
      <c r="AM27" s="151"/>
      <c r="AN27" s="150"/>
      <c r="AO27" s="151"/>
      <c r="AP27" s="117"/>
      <c r="AQ27" s="109"/>
      <c r="AR27" s="117"/>
      <c r="AS27" s="109"/>
      <c r="AT27" s="117"/>
      <c r="AU27" s="109"/>
      <c r="AV27" s="150"/>
      <c r="AW27" s="151"/>
      <c r="AX27" s="117"/>
      <c r="AY27" s="109"/>
      <c r="AZ27" s="117"/>
      <c r="BA27" s="109"/>
      <c r="BB27" s="150"/>
      <c r="BC27" s="151" t="s">
        <v>478</v>
      </c>
      <c r="BD27" s="117"/>
      <c r="BE27" s="109"/>
      <c r="BF27" s="150"/>
      <c r="BG27" s="151"/>
      <c r="BH27" s="150"/>
      <c r="BI27" s="151"/>
      <c r="BJ27" s="117"/>
      <c r="BK27" s="109"/>
      <c r="BL27" s="150"/>
      <c r="BM27" s="151"/>
      <c r="BN27" s="150"/>
      <c r="BO27" s="151"/>
      <c r="BP27" s="117"/>
      <c r="BQ27" s="119" t="s">
        <v>905</v>
      </c>
      <c r="BR27" s="117"/>
      <c r="BS27" s="109"/>
      <c r="BT27" s="150"/>
      <c r="BU27" s="151" t="s">
        <v>479</v>
      </c>
      <c r="BV27" s="99"/>
      <c r="BW27" s="109"/>
      <c r="BX27" s="150"/>
      <c r="BY27" s="151"/>
      <c r="BZ27" s="150"/>
      <c r="CA27" s="173" t="s">
        <v>709</v>
      </c>
      <c r="CB27" s="150"/>
      <c r="CC27" s="151"/>
      <c r="CD27" s="150"/>
      <c r="CE27" s="151"/>
      <c r="CF27" s="150"/>
      <c r="CG27" s="151"/>
      <c r="CH27" s="117"/>
      <c r="CI27" s="109"/>
      <c r="CJ27" s="117"/>
      <c r="CK27" s="109"/>
      <c r="CL27" s="150"/>
      <c r="CM27" s="173"/>
      <c r="CN27" s="150"/>
      <c r="CO27" s="151"/>
      <c r="CP27" s="117"/>
      <c r="CQ27" s="109"/>
      <c r="CR27" s="117"/>
      <c r="CS27" s="109"/>
      <c r="CT27" s="150"/>
      <c r="CU27" s="151"/>
      <c r="CV27" s="117"/>
      <c r="CW27" s="109"/>
      <c r="CX27" s="159"/>
      <c r="CY27" s="160" t="s">
        <v>948</v>
      </c>
      <c r="CZ27" s="117"/>
      <c r="DA27" s="109"/>
      <c r="DB27" s="117"/>
      <c r="DC27" s="109" t="s">
        <v>480</v>
      </c>
      <c r="DD27" s="150"/>
      <c r="DE27" s="151"/>
      <c r="DF27" s="150"/>
      <c r="DG27" s="151"/>
      <c r="DH27" s="117"/>
      <c r="DI27" s="109" t="s">
        <v>607</v>
      </c>
      <c r="DJ27" s="150"/>
      <c r="DK27" s="149"/>
    </row>
    <row r="28" spans="1:115" ht="10" customHeight="1">
      <c r="A28" s="475"/>
      <c r="B28" s="471"/>
      <c r="C28" s="465"/>
      <c r="D28" s="99"/>
      <c r="E28" s="135"/>
      <c r="F28" s="150"/>
      <c r="G28" s="154"/>
      <c r="H28" s="150"/>
      <c r="I28" s="151"/>
      <c r="J28" s="150"/>
      <c r="K28" s="149"/>
      <c r="L28" s="150"/>
      <c r="M28" s="151"/>
      <c r="N28" s="117"/>
      <c r="O28" s="109"/>
      <c r="P28" s="150"/>
      <c r="Q28" s="149"/>
      <c r="R28" s="150"/>
      <c r="S28" s="151"/>
      <c r="T28" s="150"/>
      <c r="U28" s="151"/>
      <c r="V28" s="150"/>
      <c r="W28" s="151"/>
      <c r="X28" s="150"/>
      <c r="Y28" s="151"/>
      <c r="Z28" s="150"/>
      <c r="AA28" s="151"/>
      <c r="AB28" s="150"/>
      <c r="AC28" s="151"/>
      <c r="AD28" s="117"/>
      <c r="AE28" s="109"/>
      <c r="AF28" s="120"/>
      <c r="AG28" s="111"/>
      <c r="AH28" s="117"/>
      <c r="AI28" s="119"/>
      <c r="AJ28" s="117"/>
      <c r="AK28" s="109"/>
      <c r="AL28" s="150"/>
      <c r="AM28" s="151"/>
      <c r="AN28" s="150"/>
      <c r="AO28" s="151"/>
      <c r="AP28" s="117"/>
      <c r="AQ28" s="109"/>
      <c r="AR28" s="117"/>
      <c r="AS28" s="109"/>
      <c r="AT28" s="117"/>
      <c r="AU28" s="109"/>
      <c r="AV28" s="150"/>
      <c r="AW28" s="151"/>
      <c r="AX28" s="117"/>
      <c r="AY28" s="109"/>
      <c r="AZ28" s="117"/>
      <c r="BA28" s="109"/>
      <c r="BB28" s="150"/>
      <c r="BC28" s="151" t="s">
        <v>710</v>
      </c>
      <c r="BD28" s="117"/>
      <c r="BE28" s="109"/>
      <c r="BF28" s="150"/>
      <c r="BG28" s="151"/>
      <c r="BH28" s="150"/>
      <c r="BI28" s="151"/>
      <c r="BJ28" s="117"/>
      <c r="BK28" s="109"/>
      <c r="BL28" s="150"/>
      <c r="BM28" s="151"/>
      <c r="BN28" s="150"/>
      <c r="BO28" s="151"/>
      <c r="BP28" s="117"/>
      <c r="BQ28" s="119" t="s">
        <v>906</v>
      </c>
      <c r="BR28" s="117"/>
      <c r="BS28" s="109"/>
      <c r="BT28" s="150"/>
      <c r="BU28" s="151" t="s">
        <v>711</v>
      </c>
      <c r="BV28" s="99"/>
      <c r="BW28" s="109"/>
      <c r="BX28" s="150"/>
      <c r="BY28" s="151"/>
      <c r="BZ28" s="150"/>
      <c r="CA28" s="173"/>
      <c r="CB28" s="150"/>
      <c r="CC28" s="151"/>
      <c r="CD28" s="150"/>
      <c r="CE28" s="151"/>
      <c r="CF28" s="150"/>
      <c r="CG28" s="151"/>
      <c r="CH28" s="117"/>
      <c r="CI28" s="109"/>
      <c r="CJ28" s="117"/>
      <c r="CK28" s="109"/>
      <c r="CL28" s="150"/>
      <c r="CM28" s="173"/>
      <c r="CN28" s="150"/>
      <c r="CO28" s="151"/>
      <c r="CP28" s="117"/>
      <c r="CQ28" s="109"/>
      <c r="CR28" s="117"/>
      <c r="CS28" s="109"/>
      <c r="CT28" s="150"/>
      <c r="CU28" s="151"/>
      <c r="CV28" s="117"/>
      <c r="CW28" s="109"/>
      <c r="CX28" s="159"/>
      <c r="CY28" s="160"/>
      <c r="CZ28" s="117"/>
      <c r="DA28" s="109"/>
      <c r="DB28" s="117"/>
      <c r="DC28" s="109"/>
      <c r="DD28" s="150"/>
      <c r="DE28" s="151"/>
      <c r="DF28" s="150"/>
      <c r="DG28" s="151"/>
      <c r="DH28" s="117"/>
      <c r="DI28" s="109" t="s">
        <v>608</v>
      </c>
      <c r="DJ28" s="150"/>
      <c r="DK28" s="149"/>
    </row>
    <row r="29" spans="1:115" ht="10" customHeight="1">
      <c r="A29" s="475"/>
      <c r="B29" s="471"/>
      <c r="C29" s="466"/>
      <c r="D29" s="273"/>
      <c r="E29" s="274"/>
      <c r="F29" s="148"/>
      <c r="G29" s="172"/>
      <c r="H29" s="148"/>
      <c r="I29" s="155"/>
      <c r="J29" s="148"/>
      <c r="K29" s="147"/>
      <c r="L29" s="148"/>
      <c r="M29" s="155"/>
      <c r="N29" s="121"/>
      <c r="O29" s="122"/>
      <c r="P29" s="148"/>
      <c r="Q29" s="147"/>
      <c r="R29" s="148"/>
      <c r="S29" s="155"/>
      <c r="T29" s="148"/>
      <c r="U29" s="155"/>
      <c r="V29" s="148"/>
      <c r="W29" s="155"/>
      <c r="X29" s="148"/>
      <c r="Y29" s="155"/>
      <c r="Z29" s="148"/>
      <c r="AA29" s="155"/>
      <c r="AB29" s="148"/>
      <c r="AC29" s="155"/>
      <c r="AD29" s="121"/>
      <c r="AE29" s="122"/>
      <c r="AF29" s="123"/>
      <c r="AG29" s="124"/>
      <c r="AH29" s="121"/>
      <c r="AI29" s="122"/>
      <c r="AJ29" s="121"/>
      <c r="AK29" s="122"/>
      <c r="AL29" s="148"/>
      <c r="AM29" s="155"/>
      <c r="AN29" s="148"/>
      <c r="AO29" s="155"/>
      <c r="AP29" s="121"/>
      <c r="AQ29" s="122"/>
      <c r="AR29" s="121"/>
      <c r="AS29" s="122"/>
      <c r="AT29" s="121"/>
      <c r="AU29" s="122"/>
      <c r="AV29" s="148"/>
      <c r="AW29" s="155"/>
      <c r="AX29" s="121"/>
      <c r="AY29" s="122"/>
      <c r="AZ29" s="121"/>
      <c r="BA29" s="122"/>
      <c r="BB29" s="148"/>
      <c r="BC29" s="155"/>
      <c r="BD29" s="121"/>
      <c r="BE29" s="122"/>
      <c r="BF29" s="148"/>
      <c r="BG29" s="155"/>
      <c r="BH29" s="148"/>
      <c r="BI29" s="155"/>
      <c r="BJ29" s="121"/>
      <c r="BK29" s="122"/>
      <c r="BL29" s="148"/>
      <c r="BM29" s="155"/>
      <c r="BN29" s="148"/>
      <c r="BO29" s="155"/>
      <c r="BP29" s="84" t="s">
        <v>907</v>
      </c>
      <c r="BQ29" s="122" t="s">
        <v>908</v>
      </c>
      <c r="BR29" s="121"/>
      <c r="BS29" s="122"/>
      <c r="BT29" s="148"/>
      <c r="BU29" s="151" t="s">
        <v>712</v>
      </c>
      <c r="BV29" s="84"/>
      <c r="BW29" s="122"/>
      <c r="BX29" s="148"/>
      <c r="BY29" s="155"/>
      <c r="BZ29" s="148"/>
      <c r="CA29" s="155"/>
      <c r="CB29" s="148"/>
      <c r="CC29" s="155"/>
      <c r="CD29" s="148"/>
      <c r="CE29" s="155"/>
      <c r="CF29" s="148"/>
      <c r="CG29" s="155"/>
      <c r="CH29" s="121"/>
      <c r="CI29" s="122"/>
      <c r="CJ29" s="121"/>
      <c r="CK29" s="122"/>
      <c r="CL29" s="148"/>
      <c r="CM29" s="171"/>
      <c r="CN29" s="148"/>
      <c r="CO29" s="155"/>
      <c r="CP29" s="121"/>
      <c r="CQ29" s="122"/>
      <c r="CR29" s="121"/>
      <c r="CS29" s="122"/>
      <c r="CT29" s="148"/>
      <c r="CU29" s="155"/>
      <c r="CV29" s="121"/>
      <c r="CW29" s="122"/>
      <c r="CX29" s="157"/>
      <c r="CY29" s="170"/>
      <c r="CZ29" s="121"/>
      <c r="DA29" s="122"/>
      <c r="DB29" s="121"/>
      <c r="DC29" s="122"/>
      <c r="DD29" s="148"/>
      <c r="DE29" s="155"/>
      <c r="DF29" s="148"/>
      <c r="DG29" s="155"/>
      <c r="DH29" s="121"/>
      <c r="DI29" s="122"/>
      <c r="DJ29" s="148"/>
      <c r="DK29" s="147"/>
    </row>
    <row r="30" spans="1:115" ht="10" customHeight="1">
      <c r="A30" s="475"/>
      <c r="B30" s="471"/>
      <c r="C30" s="464" t="s">
        <v>305</v>
      </c>
      <c r="D30" s="462"/>
      <c r="E30" s="463"/>
      <c r="F30" s="153" t="s">
        <v>325</v>
      </c>
      <c r="G30" s="151" t="s">
        <v>713</v>
      </c>
      <c r="H30" s="150"/>
      <c r="I30" s="149"/>
      <c r="J30" s="166" t="s">
        <v>325</v>
      </c>
      <c r="K30" s="151" t="s">
        <v>714</v>
      </c>
      <c r="L30" s="153" t="s">
        <v>325</v>
      </c>
      <c r="M30" s="162" t="s">
        <v>715</v>
      </c>
      <c r="N30" s="99"/>
      <c r="O30" s="109"/>
      <c r="P30" s="150"/>
      <c r="Q30" s="149"/>
      <c r="R30" s="150"/>
      <c r="S30" s="149"/>
      <c r="T30" s="150"/>
      <c r="U30" s="149"/>
      <c r="V30" s="166"/>
      <c r="W30" s="151"/>
      <c r="X30" s="166"/>
      <c r="Y30" s="151"/>
      <c r="Z30" s="166"/>
      <c r="AA30" s="151"/>
      <c r="AB30" s="166"/>
      <c r="AC30" s="151"/>
      <c r="AD30" s="125" t="s">
        <v>324</v>
      </c>
      <c r="AE30" s="109" t="s">
        <v>937</v>
      </c>
      <c r="AF30" s="110" t="s">
        <v>321</v>
      </c>
      <c r="AG30" s="111" t="s">
        <v>716</v>
      </c>
      <c r="AH30" s="99" t="s">
        <v>321</v>
      </c>
      <c r="AI30" s="109" t="s">
        <v>668</v>
      </c>
      <c r="AJ30" s="125"/>
      <c r="AK30" s="119"/>
      <c r="AL30" s="166"/>
      <c r="AM30" s="151"/>
      <c r="AN30" s="166" t="s">
        <v>319</v>
      </c>
      <c r="AO30" s="151" t="s">
        <v>481</v>
      </c>
      <c r="AP30" s="125" t="s">
        <v>609</v>
      </c>
      <c r="AQ30" s="109" t="s">
        <v>938</v>
      </c>
      <c r="AR30" s="126" t="s">
        <v>609</v>
      </c>
      <c r="AS30" s="127" t="s">
        <v>717</v>
      </c>
      <c r="AT30" s="125"/>
      <c r="AU30" s="109"/>
      <c r="AV30" s="166"/>
      <c r="AW30" s="151"/>
      <c r="AX30" s="125"/>
      <c r="AY30" s="109"/>
      <c r="AZ30" s="125"/>
      <c r="BA30" s="109"/>
      <c r="BB30" s="166"/>
      <c r="BC30" s="149"/>
      <c r="BD30" s="125"/>
      <c r="BE30" s="109"/>
      <c r="BF30" s="166"/>
      <c r="BG30" s="151"/>
      <c r="BH30" s="166"/>
      <c r="BI30" s="151"/>
      <c r="BJ30" s="125" t="s">
        <v>317</v>
      </c>
      <c r="BK30" s="109" t="s">
        <v>610</v>
      </c>
      <c r="BL30" s="166"/>
      <c r="BM30" s="151"/>
      <c r="BN30" s="166"/>
      <c r="BO30" s="151"/>
      <c r="BP30" s="166"/>
      <c r="BQ30" s="151"/>
      <c r="BR30" s="166"/>
      <c r="BS30" s="151"/>
      <c r="BT30" s="166" t="s">
        <v>321</v>
      </c>
      <c r="BU30" s="169" t="s">
        <v>718</v>
      </c>
      <c r="BV30" s="125" t="s">
        <v>321</v>
      </c>
      <c r="BW30" s="109" t="s">
        <v>719</v>
      </c>
      <c r="BX30" s="153" t="s">
        <v>321</v>
      </c>
      <c r="BY30" s="151" t="s">
        <v>482</v>
      </c>
      <c r="BZ30" s="166" t="s">
        <v>321</v>
      </c>
      <c r="CA30" s="151" t="s">
        <v>720</v>
      </c>
      <c r="CB30" s="166"/>
      <c r="CC30" s="151"/>
      <c r="CD30" s="166" t="s">
        <v>321</v>
      </c>
      <c r="CE30" s="151" t="s">
        <v>336</v>
      </c>
      <c r="CF30" s="166" t="s">
        <v>321</v>
      </c>
      <c r="CG30" s="151" t="s">
        <v>483</v>
      </c>
      <c r="CH30" s="125" t="s">
        <v>909</v>
      </c>
      <c r="CI30" s="143" t="s">
        <v>910</v>
      </c>
      <c r="CJ30" s="125"/>
      <c r="CK30" s="109"/>
      <c r="CL30" s="153"/>
      <c r="CM30" s="151"/>
      <c r="CN30" s="166"/>
      <c r="CO30" s="151"/>
      <c r="CP30" s="125"/>
      <c r="CQ30" s="109"/>
      <c r="CR30" s="166" t="s">
        <v>721</v>
      </c>
      <c r="CS30" s="151" t="s">
        <v>722</v>
      </c>
      <c r="CT30" s="166"/>
      <c r="CU30" s="151"/>
      <c r="CV30" s="125" t="s">
        <v>321</v>
      </c>
      <c r="CW30" s="109" t="s">
        <v>661</v>
      </c>
      <c r="CX30" s="168" t="s">
        <v>316</v>
      </c>
      <c r="CY30" s="167" t="s">
        <v>911</v>
      </c>
      <c r="CZ30" s="125" t="s">
        <v>321</v>
      </c>
      <c r="DA30" s="109" t="s">
        <v>484</v>
      </c>
      <c r="DB30" s="125"/>
      <c r="DC30" s="109"/>
      <c r="DD30" s="166" t="s">
        <v>326</v>
      </c>
      <c r="DE30" s="151" t="s">
        <v>723</v>
      </c>
      <c r="DF30" s="166"/>
      <c r="DG30" s="151"/>
      <c r="DH30" s="125"/>
      <c r="DI30" s="109"/>
      <c r="DJ30" s="150"/>
      <c r="DK30" s="149"/>
    </row>
    <row r="31" spans="1:115" ht="10" customHeight="1">
      <c r="A31" s="475"/>
      <c r="B31" s="471"/>
      <c r="C31" s="465"/>
      <c r="D31" s="462" t="s">
        <v>352</v>
      </c>
      <c r="E31" s="463"/>
      <c r="F31" s="152" t="s">
        <v>312</v>
      </c>
      <c r="G31" s="149" t="s">
        <v>485</v>
      </c>
      <c r="H31" s="150"/>
      <c r="I31" s="149"/>
      <c r="J31" s="152" t="s">
        <v>312</v>
      </c>
      <c r="K31" s="151" t="s">
        <v>629</v>
      </c>
      <c r="L31" s="152" t="s">
        <v>312</v>
      </c>
      <c r="M31" s="162" t="s">
        <v>675</v>
      </c>
      <c r="N31" s="117"/>
      <c r="O31" s="109"/>
      <c r="P31" s="150"/>
      <c r="Q31" s="149"/>
      <c r="R31" s="150"/>
      <c r="S31" s="149"/>
      <c r="T31" s="150"/>
      <c r="U31" s="149"/>
      <c r="V31" s="152"/>
      <c r="W31" s="151"/>
      <c r="X31" s="152"/>
      <c r="Y31" s="151"/>
      <c r="Z31" s="152"/>
      <c r="AA31" s="151"/>
      <c r="AB31" s="152"/>
      <c r="AC31" s="151"/>
      <c r="AD31" s="114"/>
      <c r="AE31" s="109" t="s">
        <v>939</v>
      </c>
      <c r="AF31" s="115" t="s">
        <v>312</v>
      </c>
      <c r="AG31" s="111" t="s">
        <v>724</v>
      </c>
      <c r="AH31" s="114" t="s">
        <v>312</v>
      </c>
      <c r="AI31" s="109" t="s">
        <v>680</v>
      </c>
      <c r="AJ31" s="114"/>
      <c r="AK31" s="109"/>
      <c r="AL31" s="152"/>
      <c r="AM31" s="151"/>
      <c r="AN31" s="153" t="s">
        <v>322</v>
      </c>
      <c r="AO31" s="151" t="s">
        <v>486</v>
      </c>
      <c r="AP31" s="128" t="s">
        <v>611</v>
      </c>
      <c r="AQ31" s="109" t="s">
        <v>940</v>
      </c>
      <c r="AR31" s="128" t="s">
        <v>611</v>
      </c>
      <c r="AS31" s="127"/>
      <c r="AT31" s="114"/>
      <c r="AU31" s="109"/>
      <c r="AV31" s="152"/>
      <c r="AW31" s="151"/>
      <c r="AX31" s="114"/>
      <c r="AY31" s="109"/>
      <c r="AZ31" s="114"/>
      <c r="BA31" s="109"/>
      <c r="BB31" s="152"/>
      <c r="BC31" s="151"/>
      <c r="BD31" s="114"/>
      <c r="BE31" s="109"/>
      <c r="BF31" s="152"/>
      <c r="BG31" s="151"/>
      <c r="BH31" s="152"/>
      <c r="BI31" s="151"/>
      <c r="BJ31" s="114"/>
      <c r="BK31" s="109" t="s">
        <v>612</v>
      </c>
      <c r="BL31" s="152"/>
      <c r="BM31" s="151"/>
      <c r="BN31" s="152"/>
      <c r="BO31" s="151"/>
      <c r="BP31" s="152"/>
      <c r="BQ31" s="151"/>
      <c r="BR31" s="152"/>
      <c r="BS31" s="151"/>
      <c r="BT31" s="152" t="s">
        <v>312</v>
      </c>
      <c r="BU31" s="151" t="s">
        <v>396</v>
      </c>
      <c r="BV31" s="114"/>
      <c r="BW31" s="109" t="s">
        <v>397</v>
      </c>
      <c r="BX31" s="152"/>
      <c r="BY31" s="151" t="s">
        <v>487</v>
      </c>
      <c r="BZ31" s="152" t="s">
        <v>312</v>
      </c>
      <c r="CA31" s="151" t="s">
        <v>725</v>
      </c>
      <c r="CB31" s="152"/>
      <c r="CC31" s="151"/>
      <c r="CD31" s="152" t="s">
        <v>312</v>
      </c>
      <c r="CE31" s="151" t="s">
        <v>358</v>
      </c>
      <c r="CF31" s="152" t="s">
        <v>312</v>
      </c>
      <c r="CG31" s="151" t="s">
        <v>358</v>
      </c>
      <c r="CH31" s="153"/>
      <c r="CI31" s="151"/>
      <c r="CJ31" s="114"/>
      <c r="CK31" s="109"/>
      <c r="CL31" s="152"/>
      <c r="CM31" s="151"/>
      <c r="CN31" s="152"/>
      <c r="CO31" s="151"/>
      <c r="CP31" s="114"/>
      <c r="CQ31" s="109"/>
      <c r="CR31" s="152"/>
      <c r="CS31" s="151" t="s">
        <v>726</v>
      </c>
      <c r="CT31" s="152"/>
      <c r="CU31" s="151"/>
      <c r="CV31" s="114"/>
      <c r="CW31" s="109" t="s">
        <v>673</v>
      </c>
      <c r="CX31" s="163" t="s">
        <v>312</v>
      </c>
      <c r="CY31" s="160" t="s">
        <v>912</v>
      </c>
      <c r="CZ31" s="99"/>
      <c r="DA31" s="109" t="s">
        <v>488</v>
      </c>
      <c r="DB31" s="114"/>
      <c r="DC31" s="109"/>
      <c r="DD31" s="152" t="s">
        <v>312</v>
      </c>
      <c r="DE31" s="165" t="s">
        <v>489</v>
      </c>
      <c r="DF31" s="152"/>
      <c r="DG31" s="151"/>
      <c r="DH31" s="114"/>
      <c r="DI31" s="109"/>
      <c r="DJ31" s="150"/>
      <c r="DK31" s="149"/>
    </row>
    <row r="32" spans="1:115" ht="10" customHeight="1">
      <c r="A32" s="475"/>
      <c r="B32" s="471"/>
      <c r="C32" s="465"/>
      <c r="D32" s="462"/>
      <c r="E32" s="463"/>
      <c r="F32" s="153"/>
      <c r="G32" s="149" t="s">
        <v>490</v>
      </c>
      <c r="H32" s="150"/>
      <c r="I32" s="149"/>
      <c r="J32" s="150"/>
      <c r="K32" s="151" t="s">
        <v>651</v>
      </c>
      <c r="L32" s="150"/>
      <c r="M32" s="162" t="s">
        <v>727</v>
      </c>
      <c r="N32" s="117"/>
      <c r="O32" s="109"/>
      <c r="P32" s="150"/>
      <c r="Q32" s="149"/>
      <c r="R32" s="150"/>
      <c r="S32" s="149"/>
      <c r="T32" s="150"/>
      <c r="U32" s="149"/>
      <c r="V32" s="153"/>
      <c r="W32" s="151"/>
      <c r="X32" s="153"/>
      <c r="Y32" s="151"/>
      <c r="Z32" s="153"/>
      <c r="AA32" s="151"/>
      <c r="AB32" s="153"/>
      <c r="AC32" s="151"/>
      <c r="AD32" s="99"/>
      <c r="AE32" s="109" t="s">
        <v>941</v>
      </c>
      <c r="AF32" s="110"/>
      <c r="AG32" s="111" t="s">
        <v>728</v>
      </c>
      <c r="AH32" s="99"/>
      <c r="AI32" s="109" t="s">
        <v>693</v>
      </c>
      <c r="AJ32" s="99"/>
      <c r="AK32" s="109"/>
      <c r="AL32" s="153"/>
      <c r="AM32" s="151"/>
      <c r="AN32" s="153"/>
      <c r="AO32" s="151" t="s">
        <v>491</v>
      </c>
      <c r="AP32" s="99"/>
      <c r="AQ32" s="109"/>
      <c r="AR32" s="129"/>
      <c r="AS32" s="109"/>
      <c r="AT32" s="99"/>
      <c r="AU32" s="109"/>
      <c r="AV32" s="153"/>
      <c r="AW32" s="151"/>
      <c r="AX32" s="99"/>
      <c r="AY32" s="109"/>
      <c r="AZ32" s="99"/>
      <c r="BA32" s="109"/>
      <c r="BB32" s="153"/>
      <c r="BC32" s="151"/>
      <c r="BD32" s="99"/>
      <c r="BE32" s="109"/>
      <c r="BF32" s="153"/>
      <c r="BG32" s="151"/>
      <c r="BH32" s="153"/>
      <c r="BI32" s="151"/>
      <c r="BJ32" s="99"/>
      <c r="BK32" s="109" t="s">
        <v>613</v>
      </c>
      <c r="BL32" s="153"/>
      <c r="BM32" s="151"/>
      <c r="BN32" s="153"/>
      <c r="BO32" s="151"/>
      <c r="BP32" s="153"/>
      <c r="BQ32" s="151"/>
      <c r="BR32" s="153"/>
      <c r="BS32" s="151"/>
      <c r="BT32" s="153"/>
      <c r="BU32" s="151" t="s">
        <v>422</v>
      </c>
      <c r="BV32" s="99"/>
      <c r="BW32" s="109" t="s">
        <v>423</v>
      </c>
      <c r="BX32" s="153"/>
      <c r="BY32" s="151" t="s">
        <v>398</v>
      </c>
      <c r="BZ32" s="153"/>
      <c r="CA32" s="151" t="s">
        <v>729</v>
      </c>
      <c r="CB32" s="153"/>
      <c r="CC32" s="151"/>
      <c r="CD32" s="153" t="s">
        <v>328</v>
      </c>
      <c r="CE32" s="151" t="s">
        <v>492</v>
      </c>
      <c r="CF32" s="153"/>
      <c r="CG32" s="151" t="s">
        <v>395</v>
      </c>
      <c r="CH32" s="153"/>
      <c r="CI32" s="151"/>
      <c r="CJ32" s="99"/>
      <c r="CK32" s="109"/>
      <c r="CL32" s="153"/>
      <c r="CM32" s="151"/>
      <c r="CN32" s="153"/>
      <c r="CO32" s="151"/>
      <c r="CP32" s="99"/>
      <c r="CQ32" s="109"/>
      <c r="CR32" s="99"/>
      <c r="CS32" s="109"/>
      <c r="CT32" s="153"/>
      <c r="CU32" s="151"/>
      <c r="CV32" s="99"/>
      <c r="CW32" s="109" t="s">
        <v>686</v>
      </c>
      <c r="CX32" s="164"/>
      <c r="CY32" s="160" t="s">
        <v>913</v>
      </c>
      <c r="CZ32" s="99"/>
      <c r="DA32" s="109" t="s">
        <v>493</v>
      </c>
      <c r="DB32" s="99"/>
      <c r="DC32" s="109"/>
      <c r="DD32" s="153"/>
      <c r="DE32" s="151" t="s">
        <v>494</v>
      </c>
      <c r="DF32" s="153"/>
      <c r="DG32" s="151"/>
      <c r="DH32" s="99"/>
      <c r="DI32" s="109"/>
      <c r="DJ32" s="150"/>
      <c r="DK32" s="149"/>
    </row>
    <row r="33" spans="1:115" ht="10" customHeight="1">
      <c r="A33" s="475"/>
      <c r="B33" s="471"/>
      <c r="C33" s="465"/>
      <c r="D33" s="462" t="s">
        <v>408</v>
      </c>
      <c r="E33" s="463"/>
      <c r="F33" s="152"/>
      <c r="G33" s="149"/>
      <c r="H33" s="150"/>
      <c r="I33" s="149"/>
      <c r="J33" s="150"/>
      <c r="K33" s="151" t="s">
        <v>663</v>
      </c>
      <c r="L33" s="150"/>
      <c r="M33" s="162" t="s">
        <v>730</v>
      </c>
      <c r="N33" s="117"/>
      <c r="O33" s="109"/>
      <c r="P33" s="150"/>
      <c r="Q33" s="149"/>
      <c r="R33" s="150"/>
      <c r="S33" s="149"/>
      <c r="T33" s="150"/>
      <c r="U33" s="149"/>
      <c r="V33" s="152"/>
      <c r="W33" s="151"/>
      <c r="X33" s="152"/>
      <c r="Y33" s="151"/>
      <c r="Z33" s="152"/>
      <c r="AA33" s="151"/>
      <c r="AB33" s="152"/>
      <c r="AC33" s="151"/>
      <c r="AD33" s="114"/>
      <c r="AE33" s="109" t="s">
        <v>942</v>
      </c>
      <c r="AF33" s="115"/>
      <c r="AG33" s="111" t="s">
        <v>731</v>
      </c>
      <c r="AH33" s="114"/>
      <c r="AI33" s="109" t="s">
        <v>703</v>
      </c>
      <c r="AJ33" s="114"/>
      <c r="AK33" s="109"/>
      <c r="AL33" s="152"/>
      <c r="AM33" s="151"/>
      <c r="AN33" s="152"/>
      <c r="AO33" s="149" t="s">
        <v>495</v>
      </c>
      <c r="AP33" s="152"/>
      <c r="AQ33" s="151"/>
      <c r="AR33" s="129"/>
      <c r="AS33" s="109"/>
      <c r="AT33" s="114"/>
      <c r="AU33" s="109"/>
      <c r="AV33" s="152"/>
      <c r="AW33" s="151"/>
      <c r="AX33" s="114"/>
      <c r="AY33" s="109"/>
      <c r="AZ33" s="114"/>
      <c r="BA33" s="109"/>
      <c r="BB33" s="152"/>
      <c r="BC33" s="151"/>
      <c r="BD33" s="114"/>
      <c r="BE33" s="109"/>
      <c r="BF33" s="152"/>
      <c r="BG33" s="151"/>
      <c r="BH33" s="152"/>
      <c r="BI33" s="151"/>
      <c r="BJ33" s="114"/>
      <c r="BK33" s="109" t="s">
        <v>496</v>
      </c>
      <c r="BL33" s="152"/>
      <c r="BM33" s="151"/>
      <c r="BN33" s="152"/>
      <c r="BO33" s="151"/>
      <c r="BP33" s="152"/>
      <c r="BQ33" s="151"/>
      <c r="BR33" s="152"/>
      <c r="BS33" s="151"/>
      <c r="BT33" s="152"/>
      <c r="BU33" s="151" t="s">
        <v>428</v>
      </c>
      <c r="BV33" s="114"/>
      <c r="BW33" s="109" t="s">
        <v>448</v>
      </c>
      <c r="BX33" s="152"/>
      <c r="BY33" s="151" t="s">
        <v>497</v>
      </c>
      <c r="BZ33" s="152"/>
      <c r="CA33" s="151" t="s">
        <v>732</v>
      </c>
      <c r="CB33" s="152"/>
      <c r="CC33" s="151"/>
      <c r="CD33" s="152"/>
      <c r="CE33" s="151" t="s">
        <v>498</v>
      </c>
      <c r="CF33" s="152"/>
      <c r="CG33" s="151" t="s">
        <v>499</v>
      </c>
      <c r="CH33" s="153"/>
      <c r="CI33" s="151"/>
      <c r="CJ33" s="114"/>
      <c r="CK33" s="109"/>
      <c r="CL33" s="152"/>
      <c r="CM33" s="151"/>
      <c r="CN33" s="152"/>
      <c r="CO33" s="151"/>
      <c r="CP33" s="114"/>
      <c r="CQ33" s="109"/>
      <c r="CR33" s="114"/>
      <c r="CS33" s="109"/>
      <c r="CT33" s="152"/>
      <c r="CU33" s="151"/>
      <c r="CV33" s="114"/>
      <c r="CW33" s="109" t="s">
        <v>699</v>
      </c>
      <c r="CX33" s="163"/>
      <c r="CY33" s="160" t="s">
        <v>914</v>
      </c>
      <c r="CZ33" s="99"/>
      <c r="DA33" s="109" t="s">
        <v>500</v>
      </c>
      <c r="DB33" s="114"/>
      <c r="DC33" s="109"/>
      <c r="DD33" s="152"/>
      <c r="DE33" s="151" t="s">
        <v>476</v>
      </c>
      <c r="DF33" s="152"/>
      <c r="DG33" s="151"/>
      <c r="DH33" s="114"/>
      <c r="DI33" s="109"/>
      <c r="DJ33" s="150"/>
      <c r="DK33" s="149"/>
    </row>
    <row r="34" spans="1:115" ht="10" customHeight="1">
      <c r="A34" s="475"/>
      <c r="B34" s="471"/>
      <c r="C34" s="465"/>
      <c r="D34" s="462"/>
      <c r="E34" s="463"/>
      <c r="F34" s="150"/>
      <c r="G34" s="149"/>
      <c r="H34" s="150"/>
      <c r="I34" s="149"/>
      <c r="J34" s="150"/>
      <c r="K34" s="151" t="s">
        <v>674</v>
      </c>
      <c r="L34" s="150"/>
      <c r="M34" s="162" t="s">
        <v>733</v>
      </c>
      <c r="N34" s="117"/>
      <c r="O34" s="109"/>
      <c r="P34" s="150"/>
      <c r="Q34" s="149"/>
      <c r="R34" s="150"/>
      <c r="S34" s="149"/>
      <c r="T34" s="150"/>
      <c r="U34" s="149"/>
      <c r="V34" s="150"/>
      <c r="W34" s="149"/>
      <c r="X34" s="150"/>
      <c r="Y34" s="149"/>
      <c r="Z34" s="150"/>
      <c r="AA34" s="149"/>
      <c r="AB34" s="150"/>
      <c r="AC34" s="149"/>
      <c r="AD34" s="117"/>
      <c r="AE34" s="119" t="s">
        <v>943</v>
      </c>
      <c r="AF34" s="120"/>
      <c r="AG34" s="111" t="s">
        <v>734</v>
      </c>
      <c r="AH34" s="117"/>
      <c r="AI34" s="119" t="s">
        <v>708</v>
      </c>
      <c r="AJ34" s="117"/>
      <c r="AK34" s="119"/>
      <c r="AL34" s="150"/>
      <c r="AM34" s="149"/>
      <c r="AN34" s="150"/>
      <c r="AO34" s="149"/>
      <c r="AP34" s="150"/>
      <c r="AQ34" s="149"/>
      <c r="AR34" s="129"/>
      <c r="AS34" s="119"/>
      <c r="AT34" s="117"/>
      <c r="AU34" s="119"/>
      <c r="AV34" s="150"/>
      <c r="AW34" s="149"/>
      <c r="AX34" s="117"/>
      <c r="AY34" s="119"/>
      <c r="AZ34" s="117"/>
      <c r="BA34" s="119"/>
      <c r="BB34" s="150"/>
      <c r="BC34" s="149"/>
      <c r="BD34" s="117"/>
      <c r="BE34" s="119"/>
      <c r="BF34" s="150"/>
      <c r="BG34" s="149"/>
      <c r="BH34" s="150"/>
      <c r="BI34" s="149"/>
      <c r="BJ34" s="117"/>
      <c r="BK34" s="119"/>
      <c r="BL34" s="150"/>
      <c r="BM34" s="149"/>
      <c r="BN34" s="150"/>
      <c r="BO34" s="149"/>
      <c r="BP34" s="150"/>
      <c r="BQ34" s="149"/>
      <c r="BR34" s="150"/>
      <c r="BS34" s="149"/>
      <c r="BT34" s="150"/>
      <c r="BU34" s="149" t="s">
        <v>468</v>
      </c>
      <c r="BV34" s="99"/>
      <c r="BW34" s="119" t="s">
        <v>469</v>
      </c>
      <c r="BX34" s="150"/>
      <c r="BY34" s="149" t="s">
        <v>449</v>
      </c>
      <c r="BZ34" s="150"/>
      <c r="CA34" s="149" t="s">
        <v>735</v>
      </c>
      <c r="CB34" s="150"/>
      <c r="CC34" s="149"/>
      <c r="CD34" s="150"/>
      <c r="CE34" s="149"/>
      <c r="CF34" s="150"/>
      <c r="CG34" s="149"/>
      <c r="CH34" s="150"/>
      <c r="CI34" s="149"/>
      <c r="CJ34" s="117"/>
      <c r="CK34" s="119"/>
      <c r="CL34" s="150"/>
      <c r="CM34" s="149"/>
      <c r="CN34" s="150"/>
      <c r="CO34" s="149"/>
      <c r="CP34" s="117"/>
      <c r="CQ34" s="119"/>
      <c r="CR34" s="117"/>
      <c r="CS34" s="119"/>
      <c r="CT34" s="150"/>
      <c r="CU34" s="149"/>
      <c r="CV34" s="117"/>
      <c r="CW34" s="119"/>
      <c r="CX34" s="159"/>
      <c r="CY34" s="161"/>
      <c r="CZ34" s="99"/>
      <c r="DA34" s="109" t="s">
        <v>501</v>
      </c>
      <c r="DB34" s="117"/>
      <c r="DC34" s="119"/>
      <c r="DD34" s="150"/>
      <c r="DE34" s="149"/>
      <c r="DF34" s="150"/>
      <c r="DG34" s="149"/>
      <c r="DH34" s="117"/>
      <c r="DI34" s="119"/>
      <c r="DJ34" s="150"/>
      <c r="DK34" s="149"/>
    </row>
    <row r="35" spans="1:115" ht="10" customHeight="1">
      <c r="A35" s="475"/>
      <c r="B35" s="471"/>
      <c r="C35" s="465"/>
      <c r="D35" s="462"/>
      <c r="E35" s="463"/>
      <c r="F35" s="150"/>
      <c r="G35" s="149"/>
      <c r="H35" s="150"/>
      <c r="I35" s="149"/>
      <c r="J35" s="150"/>
      <c r="K35" s="151" t="s">
        <v>687</v>
      </c>
      <c r="L35" s="150"/>
      <c r="M35" s="149"/>
      <c r="N35" s="117"/>
      <c r="O35" s="119"/>
      <c r="P35" s="150"/>
      <c r="Q35" s="149"/>
      <c r="R35" s="150"/>
      <c r="S35" s="149"/>
      <c r="T35" s="150"/>
      <c r="U35" s="149"/>
      <c r="V35" s="150"/>
      <c r="W35" s="151"/>
      <c r="X35" s="150"/>
      <c r="Y35" s="151"/>
      <c r="Z35" s="150"/>
      <c r="AA35" s="151"/>
      <c r="AB35" s="150"/>
      <c r="AC35" s="151"/>
      <c r="AD35" s="117"/>
      <c r="AE35" s="109" t="s">
        <v>944</v>
      </c>
      <c r="AF35" s="120"/>
      <c r="AG35" s="118"/>
      <c r="AH35" s="117"/>
      <c r="AI35" s="109"/>
      <c r="AJ35" s="117"/>
      <c r="AK35" s="109"/>
      <c r="AL35" s="150"/>
      <c r="AM35" s="151"/>
      <c r="AN35" s="150"/>
      <c r="AO35" s="151"/>
      <c r="AP35" s="150"/>
      <c r="AQ35" s="151"/>
      <c r="AR35" s="129"/>
      <c r="AS35" s="109"/>
      <c r="AT35" s="117"/>
      <c r="AU35" s="109"/>
      <c r="AV35" s="150"/>
      <c r="AW35" s="151"/>
      <c r="AX35" s="117"/>
      <c r="AY35" s="109"/>
      <c r="AZ35" s="117"/>
      <c r="BA35" s="109"/>
      <c r="BB35" s="150"/>
      <c r="BC35" s="151"/>
      <c r="BD35" s="117"/>
      <c r="BE35" s="109"/>
      <c r="BF35" s="150"/>
      <c r="BG35" s="151"/>
      <c r="BH35" s="150"/>
      <c r="BI35" s="151"/>
      <c r="BJ35" s="125" t="s">
        <v>614</v>
      </c>
      <c r="BK35" s="109" t="s">
        <v>612</v>
      </c>
      <c r="BL35" s="150"/>
      <c r="BM35" s="151"/>
      <c r="BN35" s="150"/>
      <c r="BO35" s="151"/>
      <c r="BP35" s="150"/>
      <c r="BQ35" s="151"/>
      <c r="BR35" s="150"/>
      <c r="BS35" s="151"/>
      <c r="BT35" s="150"/>
      <c r="BU35" s="151" t="s">
        <v>479</v>
      </c>
      <c r="BV35" s="99"/>
      <c r="BW35" s="109"/>
      <c r="BX35" s="150"/>
      <c r="BY35" s="151"/>
      <c r="BZ35" s="150"/>
      <c r="CA35" s="151" t="s">
        <v>736</v>
      </c>
      <c r="CB35" s="150"/>
      <c r="CC35" s="151"/>
      <c r="CD35" s="150"/>
      <c r="CE35" s="151"/>
      <c r="CF35" s="150"/>
      <c r="CG35" s="151"/>
      <c r="CH35" s="150"/>
      <c r="CI35" s="151"/>
      <c r="CJ35" s="117"/>
      <c r="CK35" s="109"/>
      <c r="CL35" s="150"/>
      <c r="CM35" s="151"/>
      <c r="CN35" s="150"/>
      <c r="CO35" s="151"/>
      <c r="CP35" s="117"/>
      <c r="CQ35" s="109"/>
      <c r="CR35" s="117"/>
      <c r="CS35" s="109"/>
      <c r="CT35" s="150"/>
      <c r="CU35" s="151"/>
      <c r="CV35" s="117"/>
      <c r="CW35" s="109"/>
      <c r="CX35" s="159"/>
      <c r="CY35" s="160"/>
      <c r="CZ35" s="117"/>
      <c r="DA35" s="109" t="s">
        <v>471</v>
      </c>
      <c r="DB35" s="117"/>
      <c r="DC35" s="109"/>
      <c r="DD35" s="150"/>
      <c r="DE35" s="151"/>
      <c r="DF35" s="150"/>
      <c r="DG35" s="151"/>
      <c r="DH35" s="117"/>
      <c r="DI35" s="109"/>
      <c r="DJ35" s="150"/>
      <c r="DK35" s="149"/>
    </row>
    <row r="36" spans="1:115" ht="10" customHeight="1">
      <c r="A36" s="475"/>
      <c r="B36" s="471"/>
      <c r="C36" s="465"/>
      <c r="D36" s="462"/>
      <c r="E36" s="463"/>
      <c r="F36" s="150"/>
      <c r="G36" s="149"/>
      <c r="H36" s="150"/>
      <c r="I36" s="149"/>
      <c r="J36" s="150"/>
      <c r="K36" s="151"/>
      <c r="L36" s="150"/>
      <c r="M36" s="149"/>
      <c r="N36" s="117"/>
      <c r="O36" s="119"/>
      <c r="P36" s="150"/>
      <c r="Q36" s="149"/>
      <c r="R36" s="150"/>
      <c r="S36" s="149"/>
      <c r="T36" s="150"/>
      <c r="U36" s="149"/>
      <c r="V36" s="150"/>
      <c r="W36" s="151"/>
      <c r="X36" s="150"/>
      <c r="Y36" s="151"/>
      <c r="Z36" s="150"/>
      <c r="AA36" s="151"/>
      <c r="AB36" s="150"/>
      <c r="AC36" s="151"/>
      <c r="AD36" s="117"/>
      <c r="AE36" s="109" t="s">
        <v>945</v>
      </c>
      <c r="AF36" s="120"/>
      <c r="AG36" s="111"/>
      <c r="AH36" s="117"/>
      <c r="AI36" s="109"/>
      <c r="AJ36" s="117"/>
      <c r="AK36" s="109"/>
      <c r="AL36" s="150"/>
      <c r="AM36" s="151"/>
      <c r="AN36" s="150"/>
      <c r="AO36" s="151"/>
      <c r="AP36" s="150"/>
      <c r="AQ36" s="151"/>
      <c r="AR36" s="130"/>
      <c r="AS36" s="109"/>
      <c r="AT36" s="117"/>
      <c r="AU36" s="109"/>
      <c r="AV36" s="150"/>
      <c r="AW36" s="151"/>
      <c r="AX36" s="117"/>
      <c r="AY36" s="109"/>
      <c r="AZ36" s="117"/>
      <c r="BA36" s="109"/>
      <c r="BB36" s="150"/>
      <c r="BC36" s="151"/>
      <c r="BD36" s="117"/>
      <c r="BE36" s="109"/>
      <c r="BF36" s="150"/>
      <c r="BG36" s="151"/>
      <c r="BH36" s="150"/>
      <c r="BI36" s="151"/>
      <c r="BJ36" s="117"/>
      <c r="BK36" s="109" t="s">
        <v>613</v>
      </c>
      <c r="BL36" s="150"/>
      <c r="BM36" s="151"/>
      <c r="BN36" s="150"/>
      <c r="BO36" s="151"/>
      <c r="BP36" s="150"/>
      <c r="BQ36" s="151"/>
      <c r="BR36" s="150"/>
      <c r="BS36" s="151"/>
      <c r="BT36" s="150"/>
      <c r="BU36" s="151" t="s">
        <v>502</v>
      </c>
      <c r="BV36" s="99"/>
      <c r="BW36" s="109"/>
      <c r="BX36" s="150"/>
      <c r="BY36" s="151"/>
      <c r="BZ36" s="150"/>
      <c r="CA36" s="151"/>
      <c r="CB36" s="150"/>
      <c r="CC36" s="151"/>
      <c r="CD36" s="150"/>
      <c r="CE36" s="151"/>
      <c r="CF36" s="150"/>
      <c r="CG36" s="151"/>
      <c r="CH36" s="150"/>
      <c r="CI36" s="151"/>
      <c r="CJ36" s="117"/>
      <c r="CK36" s="109"/>
      <c r="CL36" s="150"/>
      <c r="CM36" s="151"/>
      <c r="CN36" s="150"/>
      <c r="CO36" s="151"/>
      <c r="CP36" s="117"/>
      <c r="CQ36" s="109"/>
      <c r="CR36" s="117"/>
      <c r="CS36" s="109"/>
      <c r="CT36" s="150"/>
      <c r="CU36" s="151"/>
      <c r="CV36" s="117"/>
      <c r="CW36" s="109"/>
      <c r="CX36" s="159"/>
      <c r="CY36" s="158"/>
      <c r="CZ36" s="117"/>
      <c r="DA36" s="109"/>
      <c r="DB36" s="117"/>
      <c r="DC36" s="109"/>
      <c r="DD36" s="150"/>
      <c r="DE36" s="151"/>
      <c r="DF36" s="150"/>
      <c r="DG36" s="151"/>
      <c r="DH36" s="117"/>
      <c r="DI36" s="109"/>
      <c r="DJ36" s="150"/>
      <c r="DK36" s="149"/>
    </row>
    <row r="37" spans="1:115" ht="10" customHeight="1">
      <c r="A37" s="475"/>
      <c r="B37" s="471"/>
      <c r="C37" s="466"/>
      <c r="D37" s="273"/>
      <c r="E37" s="274"/>
      <c r="F37" s="148"/>
      <c r="G37" s="147"/>
      <c r="H37" s="148"/>
      <c r="I37" s="147"/>
      <c r="J37" s="148"/>
      <c r="K37" s="155"/>
      <c r="L37" s="148"/>
      <c r="M37" s="147"/>
      <c r="N37" s="121"/>
      <c r="O37" s="131"/>
      <c r="P37" s="148"/>
      <c r="Q37" s="147"/>
      <c r="R37" s="148"/>
      <c r="S37" s="147"/>
      <c r="T37" s="148"/>
      <c r="U37" s="147"/>
      <c r="V37" s="148"/>
      <c r="W37" s="155"/>
      <c r="X37" s="148"/>
      <c r="Y37" s="155"/>
      <c r="Z37" s="148"/>
      <c r="AA37" s="155"/>
      <c r="AB37" s="148"/>
      <c r="AC37" s="155"/>
      <c r="AD37" s="121"/>
      <c r="AE37" s="122"/>
      <c r="AF37" s="123"/>
      <c r="AG37" s="124"/>
      <c r="AH37" s="121"/>
      <c r="AI37" s="122"/>
      <c r="AJ37" s="121"/>
      <c r="AK37" s="122"/>
      <c r="AL37" s="148"/>
      <c r="AM37" s="155"/>
      <c r="AN37" s="148"/>
      <c r="AO37" s="155"/>
      <c r="AP37" s="148"/>
      <c r="AQ37" s="155"/>
      <c r="AR37" s="132"/>
      <c r="AS37" s="122"/>
      <c r="AT37" s="121"/>
      <c r="AU37" s="122"/>
      <c r="AV37" s="148"/>
      <c r="AW37" s="155"/>
      <c r="AX37" s="121"/>
      <c r="AY37" s="122"/>
      <c r="AZ37" s="121"/>
      <c r="BA37" s="122"/>
      <c r="BB37" s="148"/>
      <c r="BC37" s="155"/>
      <c r="BD37" s="121"/>
      <c r="BE37" s="122"/>
      <c r="BF37" s="148"/>
      <c r="BG37" s="155"/>
      <c r="BH37" s="148"/>
      <c r="BI37" s="155"/>
      <c r="BJ37" s="121"/>
      <c r="BK37" s="122" t="s">
        <v>496</v>
      </c>
      <c r="BL37" s="148"/>
      <c r="BM37" s="155"/>
      <c r="BN37" s="148"/>
      <c r="BO37" s="155"/>
      <c r="BP37" s="148"/>
      <c r="BQ37" s="155"/>
      <c r="BR37" s="148"/>
      <c r="BS37" s="155"/>
      <c r="BT37" s="148"/>
      <c r="BU37" s="155" t="s">
        <v>503</v>
      </c>
      <c r="BV37" s="84"/>
      <c r="BW37" s="122"/>
      <c r="BX37" s="148"/>
      <c r="BY37" s="155"/>
      <c r="BZ37" s="148"/>
      <c r="CA37" s="155"/>
      <c r="CB37" s="148"/>
      <c r="CC37" s="155"/>
      <c r="CD37" s="148"/>
      <c r="CE37" s="155"/>
      <c r="CF37" s="148"/>
      <c r="CG37" s="155"/>
      <c r="CH37" s="148"/>
      <c r="CI37" s="155"/>
      <c r="CJ37" s="121"/>
      <c r="CK37" s="122"/>
      <c r="CL37" s="148"/>
      <c r="CM37" s="155"/>
      <c r="CN37" s="148"/>
      <c r="CO37" s="155"/>
      <c r="CP37" s="121"/>
      <c r="CQ37" s="122"/>
      <c r="CR37" s="121"/>
      <c r="CS37" s="122"/>
      <c r="CT37" s="148"/>
      <c r="CU37" s="155"/>
      <c r="CV37" s="121"/>
      <c r="CW37" s="122"/>
      <c r="CX37" s="157"/>
      <c r="CY37" s="156"/>
      <c r="CZ37" s="121"/>
      <c r="DA37" s="122"/>
      <c r="DB37" s="121"/>
      <c r="DC37" s="122"/>
      <c r="DD37" s="148"/>
      <c r="DE37" s="155"/>
      <c r="DF37" s="148"/>
      <c r="DG37" s="155"/>
      <c r="DH37" s="121"/>
      <c r="DI37" s="122"/>
      <c r="DJ37" s="148"/>
      <c r="DK37" s="147"/>
    </row>
    <row r="38" spans="1:115" ht="10" customHeight="1">
      <c r="A38" s="475"/>
      <c r="B38" s="471"/>
      <c r="C38" s="464" t="s">
        <v>305</v>
      </c>
      <c r="D38" s="462"/>
      <c r="E38" s="463"/>
      <c r="F38" s="153"/>
      <c r="G38" s="154"/>
      <c r="H38" s="150"/>
      <c r="I38" s="149"/>
      <c r="J38" s="150"/>
      <c r="K38" s="149"/>
      <c r="L38" s="150"/>
      <c r="M38" s="149"/>
      <c r="N38" s="126"/>
      <c r="O38" s="109"/>
      <c r="P38" s="150"/>
      <c r="Q38" s="149"/>
      <c r="R38" s="150"/>
      <c r="S38" s="149"/>
      <c r="T38" s="150"/>
      <c r="U38" s="149"/>
      <c r="V38" s="153"/>
      <c r="W38" s="151"/>
      <c r="X38" s="153"/>
      <c r="Y38" s="151"/>
      <c r="Z38" s="153"/>
      <c r="AA38" s="151"/>
      <c r="AB38" s="153"/>
      <c r="AC38" s="151"/>
      <c r="AD38" s="99" t="s">
        <v>609</v>
      </c>
      <c r="AE38" s="127" t="s">
        <v>947</v>
      </c>
      <c r="AF38" s="110"/>
      <c r="AG38" s="111"/>
      <c r="AH38" s="99"/>
      <c r="AI38" s="109"/>
      <c r="AJ38" s="99"/>
      <c r="AK38" s="109"/>
      <c r="AL38" s="153"/>
      <c r="AM38" s="151"/>
      <c r="AN38" s="153" t="s">
        <v>313</v>
      </c>
      <c r="AO38" s="151" t="s">
        <v>504</v>
      </c>
      <c r="AP38" s="153"/>
      <c r="AQ38" s="151"/>
      <c r="AR38" s="133" t="s">
        <v>615</v>
      </c>
      <c r="AS38" s="127" t="s">
        <v>737</v>
      </c>
      <c r="AT38" s="99"/>
      <c r="AU38" s="109"/>
      <c r="AV38" s="153"/>
      <c r="AW38" s="151"/>
      <c r="AX38" s="99"/>
      <c r="AY38" s="109"/>
      <c r="AZ38" s="99"/>
      <c r="BA38" s="109"/>
      <c r="BB38" s="153"/>
      <c r="BC38" s="151"/>
      <c r="BD38" s="99"/>
      <c r="BE38" s="109"/>
      <c r="BF38" s="153"/>
      <c r="BG38" s="151"/>
      <c r="BH38" s="153"/>
      <c r="BI38" s="151"/>
      <c r="BJ38" s="99" t="s">
        <v>323</v>
      </c>
      <c r="BK38" s="109" t="s">
        <v>616</v>
      </c>
      <c r="BL38" s="153"/>
      <c r="BM38" s="151"/>
      <c r="BN38" s="153"/>
      <c r="BO38" s="151"/>
      <c r="BP38" s="153"/>
      <c r="BQ38" s="151"/>
      <c r="BR38" s="153"/>
      <c r="BS38" s="151"/>
      <c r="BT38" s="153"/>
      <c r="BU38" s="151"/>
      <c r="BV38" s="99" t="s">
        <v>325</v>
      </c>
      <c r="BW38" s="109" t="s">
        <v>738</v>
      </c>
      <c r="BX38" s="153" t="s">
        <v>325</v>
      </c>
      <c r="BY38" s="151" t="s">
        <v>739</v>
      </c>
      <c r="BZ38" s="153"/>
      <c r="CA38" s="151"/>
      <c r="CB38" s="153"/>
      <c r="CC38" s="151"/>
      <c r="CD38" s="153" t="s">
        <v>329</v>
      </c>
      <c r="CE38" s="151" t="s">
        <v>505</v>
      </c>
      <c r="CF38" s="153"/>
      <c r="CG38" s="151"/>
      <c r="CH38" s="153"/>
      <c r="CI38" s="151"/>
      <c r="CJ38" s="99"/>
      <c r="CK38" s="109"/>
      <c r="CL38" s="153"/>
      <c r="CM38" s="151"/>
      <c r="CN38" s="153"/>
      <c r="CO38" s="151"/>
      <c r="CP38" s="99"/>
      <c r="CQ38" s="109"/>
      <c r="CR38" s="99"/>
      <c r="CS38" s="109"/>
      <c r="CT38" s="153"/>
      <c r="CU38" s="151"/>
      <c r="CV38" s="99" t="s">
        <v>325</v>
      </c>
      <c r="CW38" s="109" t="s">
        <v>673</v>
      </c>
      <c r="CX38" s="153"/>
      <c r="CY38" s="151"/>
      <c r="CZ38" s="125" t="s">
        <v>325</v>
      </c>
      <c r="DA38" s="109" t="s">
        <v>506</v>
      </c>
      <c r="DB38" s="99"/>
      <c r="DC38" s="109"/>
      <c r="DD38" s="153"/>
      <c r="DE38" s="151"/>
      <c r="DF38" s="153"/>
      <c r="DG38" s="151"/>
      <c r="DH38" s="99"/>
      <c r="DI38" s="109"/>
      <c r="DJ38" s="150"/>
      <c r="DK38" s="149"/>
    </row>
    <row r="39" spans="1:115" ht="10" customHeight="1">
      <c r="A39" s="475"/>
      <c r="B39" s="471"/>
      <c r="C39" s="465"/>
      <c r="D39" s="462" t="s">
        <v>352</v>
      </c>
      <c r="E39" s="463"/>
      <c r="F39" s="152"/>
      <c r="G39" s="149"/>
      <c r="H39" s="150"/>
      <c r="I39" s="149"/>
      <c r="J39" s="150"/>
      <c r="K39" s="149"/>
      <c r="L39" s="150"/>
      <c r="M39" s="149"/>
      <c r="N39" s="128"/>
      <c r="O39" s="109"/>
      <c r="P39" s="150"/>
      <c r="Q39" s="149"/>
      <c r="R39" s="150"/>
      <c r="S39" s="149"/>
      <c r="T39" s="150"/>
      <c r="U39" s="149"/>
      <c r="V39" s="150"/>
      <c r="W39" s="151"/>
      <c r="X39" s="150"/>
      <c r="Y39" s="151"/>
      <c r="Z39" s="150"/>
      <c r="AA39" s="151"/>
      <c r="AB39" s="150"/>
      <c r="AC39" s="151"/>
      <c r="AD39" s="99" t="s">
        <v>915</v>
      </c>
      <c r="AE39" s="109"/>
      <c r="AF39" s="120"/>
      <c r="AG39" s="111"/>
      <c r="AH39" s="117"/>
      <c r="AI39" s="109"/>
      <c r="AJ39" s="117"/>
      <c r="AK39" s="109"/>
      <c r="AL39" s="150"/>
      <c r="AM39" s="151"/>
      <c r="AN39" s="150"/>
      <c r="AO39" s="151" t="s">
        <v>507</v>
      </c>
      <c r="AP39" s="150"/>
      <c r="AQ39" s="151"/>
      <c r="AR39" s="117"/>
      <c r="AS39" s="109"/>
      <c r="AT39" s="117"/>
      <c r="AU39" s="109"/>
      <c r="AV39" s="150"/>
      <c r="AW39" s="151"/>
      <c r="AX39" s="117"/>
      <c r="AY39" s="109"/>
      <c r="AZ39" s="117"/>
      <c r="BA39" s="109"/>
      <c r="BB39" s="150"/>
      <c r="BC39" s="151"/>
      <c r="BD39" s="117"/>
      <c r="BE39" s="109"/>
      <c r="BF39" s="150"/>
      <c r="BG39" s="151"/>
      <c r="BH39" s="150"/>
      <c r="BI39" s="151"/>
      <c r="BJ39" s="117"/>
      <c r="BK39" s="109" t="s">
        <v>508</v>
      </c>
      <c r="BL39" s="150"/>
      <c r="BM39" s="151"/>
      <c r="BN39" s="150"/>
      <c r="BO39" s="151"/>
      <c r="BP39" s="150"/>
      <c r="BQ39" s="151"/>
      <c r="BR39" s="150"/>
      <c r="BS39" s="151"/>
      <c r="BT39" s="150"/>
      <c r="BU39" s="151"/>
      <c r="BV39" s="114" t="s">
        <v>312</v>
      </c>
      <c r="BW39" s="109" t="s">
        <v>448</v>
      </c>
      <c r="BX39" s="152" t="s">
        <v>312</v>
      </c>
      <c r="BY39" s="151" t="s">
        <v>398</v>
      </c>
      <c r="BZ39" s="150"/>
      <c r="CA39" s="151"/>
      <c r="CB39" s="150"/>
      <c r="CC39" s="151"/>
      <c r="CD39" s="150"/>
      <c r="CE39" s="151" t="s">
        <v>509</v>
      </c>
      <c r="CF39" s="150"/>
      <c r="CG39" s="151"/>
      <c r="CH39" s="153"/>
      <c r="CI39" s="151"/>
      <c r="CJ39" s="117"/>
      <c r="CK39" s="109"/>
      <c r="CL39" s="150"/>
      <c r="CM39" s="151"/>
      <c r="CN39" s="150"/>
      <c r="CO39" s="151"/>
      <c r="CP39" s="117"/>
      <c r="CQ39" s="109"/>
      <c r="CR39" s="117"/>
      <c r="CS39" s="109"/>
      <c r="CT39" s="150"/>
      <c r="CU39" s="151"/>
      <c r="CV39" s="117"/>
      <c r="CW39" s="109" t="s">
        <v>686</v>
      </c>
      <c r="CX39" s="150"/>
      <c r="CY39" s="151"/>
      <c r="CZ39" s="99"/>
      <c r="DA39" s="109" t="s">
        <v>510</v>
      </c>
      <c r="DB39" s="117"/>
      <c r="DC39" s="109"/>
      <c r="DD39" s="150"/>
      <c r="DE39" s="151"/>
      <c r="DF39" s="150"/>
      <c r="DG39" s="151"/>
      <c r="DH39" s="117"/>
      <c r="DI39" s="109"/>
      <c r="DJ39" s="150"/>
      <c r="DK39" s="149"/>
    </row>
    <row r="40" spans="1:115" ht="10" customHeight="1">
      <c r="A40" s="475"/>
      <c r="B40" s="471"/>
      <c r="C40" s="465"/>
      <c r="D40" s="462"/>
      <c r="E40" s="463"/>
      <c r="F40" s="150"/>
      <c r="G40" s="149"/>
      <c r="H40" s="150"/>
      <c r="I40" s="149"/>
      <c r="J40" s="150"/>
      <c r="K40" s="149"/>
      <c r="L40" s="150"/>
      <c r="M40" s="149"/>
      <c r="N40" s="117"/>
      <c r="O40" s="109"/>
      <c r="P40" s="150"/>
      <c r="Q40" s="149"/>
      <c r="R40" s="150"/>
      <c r="S40" s="149"/>
      <c r="T40" s="150"/>
      <c r="U40" s="149"/>
      <c r="V40" s="150"/>
      <c r="W40" s="151"/>
      <c r="X40" s="150"/>
      <c r="Y40" s="151"/>
      <c r="Z40" s="150"/>
      <c r="AA40" s="151"/>
      <c r="AB40" s="150"/>
      <c r="AC40" s="151"/>
      <c r="AD40" s="117"/>
      <c r="AE40" s="109"/>
      <c r="AF40" s="120"/>
      <c r="AG40" s="111"/>
      <c r="AH40" s="117"/>
      <c r="AI40" s="109"/>
      <c r="AJ40" s="117"/>
      <c r="AK40" s="109"/>
      <c r="AL40" s="150"/>
      <c r="AM40" s="151"/>
      <c r="AN40" s="150"/>
      <c r="AO40" s="151" t="s">
        <v>511</v>
      </c>
      <c r="AP40" s="150"/>
      <c r="AQ40" s="151"/>
      <c r="AR40" s="117"/>
      <c r="AS40" s="109"/>
      <c r="AT40" s="117"/>
      <c r="AU40" s="109"/>
      <c r="AV40" s="150"/>
      <c r="AW40" s="151"/>
      <c r="AX40" s="117"/>
      <c r="AY40" s="109"/>
      <c r="AZ40" s="117"/>
      <c r="BA40" s="109"/>
      <c r="BB40" s="150"/>
      <c r="BC40" s="151"/>
      <c r="BD40" s="117"/>
      <c r="BE40" s="109"/>
      <c r="BF40" s="150"/>
      <c r="BG40" s="151"/>
      <c r="BH40" s="150"/>
      <c r="BI40" s="151"/>
      <c r="BJ40" s="117"/>
      <c r="BK40" s="109" t="s">
        <v>512</v>
      </c>
      <c r="BL40" s="150"/>
      <c r="BM40" s="151"/>
      <c r="BN40" s="150"/>
      <c r="BO40" s="151"/>
      <c r="BP40" s="150"/>
      <c r="BQ40" s="151"/>
      <c r="BR40" s="150"/>
      <c r="BS40" s="151"/>
      <c r="BT40" s="150"/>
      <c r="BU40" s="151"/>
      <c r="BV40" s="99" t="s">
        <v>326</v>
      </c>
      <c r="BW40" s="109" t="s">
        <v>469</v>
      </c>
      <c r="BX40" s="153"/>
      <c r="BY40" s="151" t="s">
        <v>424</v>
      </c>
      <c r="BZ40" s="150"/>
      <c r="CA40" s="151"/>
      <c r="CB40" s="150"/>
      <c r="CC40" s="151"/>
      <c r="CD40" s="150"/>
      <c r="CE40" s="151" t="s">
        <v>513</v>
      </c>
      <c r="CF40" s="150"/>
      <c r="CG40" s="151"/>
      <c r="CH40" s="150"/>
      <c r="CI40" s="151"/>
      <c r="CJ40" s="117"/>
      <c r="CK40" s="109"/>
      <c r="CL40" s="150"/>
      <c r="CM40" s="151"/>
      <c r="CN40" s="150"/>
      <c r="CO40" s="151"/>
      <c r="CP40" s="117"/>
      <c r="CQ40" s="109"/>
      <c r="CR40" s="117"/>
      <c r="CS40" s="109"/>
      <c r="CT40" s="150"/>
      <c r="CU40" s="151"/>
      <c r="CV40" s="117"/>
      <c r="CW40" s="109" t="s">
        <v>699</v>
      </c>
      <c r="CX40" s="150"/>
      <c r="CY40" s="151"/>
      <c r="CZ40" s="99"/>
      <c r="DA40" s="109" t="s">
        <v>493</v>
      </c>
      <c r="DB40" s="117"/>
      <c r="DC40" s="109"/>
      <c r="DD40" s="150"/>
      <c r="DE40" s="151"/>
      <c r="DF40" s="150"/>
      <c r="DG40" s="151"/>
      <c r="DH40" s="117"/>
      <c r="DI40" s="109"/>
      <c r="DJ40" s="150"/>
      <c r="DK40" s="149"/>
    </row>
    <row r="41" spans="1:115" ht="10" customHeight="1">
      <c r="A41" s="475"/>
      <c r="B41" s="471"/>
      <c r="C41" s="465"/>
      <c r="D41" s="462" t="s">
        <v>408</v>
      </c>
      <c r="E41" s="463"/>
      <c r="F41" s="150"/>
      <c r="G41" s="149"/>
      <c r="H41" s="150"/>
      <c r="I41" s="149"/>
      <c r="J41" s="150"/>
      <c r="K41" s="149"/>
      <c r="L41" s="150"/>
      <c r="M41" s="149"/>
      <c r="N41" s="117"/>
      <c r="O41" s="109"/>
      <c r="P41" s="150"/>
      <c r="Q41" s="149"/>
      <c r="R41" s="150"/>
      <c r="S41" s="149"/>
      <c r="T41" s="150"/>
      <c r="U41" s="149"/>
      <c r="V41" s="150"/>
      <c r="W41" s="151"/>
      <c r="X41" s="150"/>
      <c r="Y41" s="151"/>
      <c r="Z41" s="150"/>
      <c r="AA41" s="151"/>
      <c r="AB41" s="150"/>
      <c r="AC41" s="151"/>
      <c r="AD41" s="117"/>
      <c r="AE41" s="109"/>
      <c r="AF41" s="120"/>
      <c r="AG41" s="111"/>
      <c r="AH41" s="117"/>
      <c r="AI41" s="109"/>
      <c r="AJ41" s="117"/>
      <c r="AK41" s="109"/>
      <c r="AL41" s="150"/>
      <c r="AM41" s="151"/>
      <c r="AN41" s="150"/>
      <c r="AO41" s="151" t="s">
        <v>514</v>
      </c>
      <c r="AP41" s="150"/>
      <c r="AQ41" s="151"/>
      <c r="AR41" s="117"/>
      <c r="AS41" s="127"/>
      <c r="AT41" s="117"/>
      <c r="AU41" s="109"/>
      <c r="AV41" s="150"/>
      <c r="AW41" s="151"/>
      <c r="AX41" s="117"/>
      <c r="AY41" s="109"/>
      <c r="AZ41" s="117"/>
      <c r="BA41" s="109"/>
      <c r="BB41" s="150"/>
      <c r="BC41" s="151"/>
      <c r="BD41" s="117"/>
      <c r="BE41" s="109"/>
      <c r="BF41" s="150"/>
      <c r="BG41" s="151"/>
      <c r="BH41" s="150"/>
      <c r="BI41" s="151"/>
      <c r="BJ41" s="117"/>
      <c r="BK41" s="109" t="s">
        <v>515</v>
      </c>
      <c r="BL41" s="150"/>
      <c r="BM41" s="151"/>
      <c r="BN41" s="150"/>
      <c r="BO41" s="151"/>
      <c r="BP41" s="150"/>
      <c r="BQ41" s="151"/>
      <c r="BR41" s="150"/>
      <c r="BS41" s="151"/>
      <c r="BT41" s="150"/>
      <c r="BU41" s="151"/>
      <c r="BV41" s="99"/>
      <c r="BW41" s="109"/>
      <c r="BX41" s="152"/>
      <c r="BY41" s="149" t="s">
        <v>449</v>
      </c>
      <c r="BZ41" s="150"/>
      <c r="CA41" s="151"/>
      <c r="CB41" s="150"/>
      <c r="CC41" s="151"/>
      <c r="CD41" s="150"/>
      <c r="CE41" s="151"/>
      <c r="CF41" s="150"/>
      <c r="CG41" s="151"/>
      <c r="CH41" s="150"/>
      <c r="CI41" s="151"/>
      <c r="CJ41" s="117"/>
      <c r="CK41" s="109"/>
      <c r="CL41" s="150"/>
      <c r="CM41" s="151"/>
      <c r="CN41" s="150"/>
      <c r="CO41" s="151"/>
      <c r="CP41" s="117"/>
      <c r="CQ41" s="109"/>
      <c r="CR41" s="117"/>
      <c r="CS41" s="109"/>
      <c r="CT41" s="150"/>
      <c r="CU41" s="151"/>
      <c r="CV41" s="117"/>
      <c r="CW41" s="109"/>
      <c r="CX41" s="150"/>
      <c r="CY41" s="151"/>
      <c r="CZ41" s="99"/>
      <c r="DA41" s="109" t="s">
        <v>500</v>
      </c>
      <c r="DB41" s="117"/>
      <c r="DC41" s="109"/>
      <c r="DD41" s="150"/>
      <c r="DE41" s="151"/>
      <c r="DF41" s="150"/>
      <c r="DG41" s="151"/>
      <c r="DH41" s="117"/>
      <c r="DI41" s="109"/>
      <c r="DJ41" s="150"/>
      <c r="DK41" s="149"/>
    </row>
    <row r="42" spans="1:115" ht="10" customHeight="1">
      <c r="A42" s="475"/>
      <c r="B42" s="471"/>
      <c r="C42" s="465"/>
      <c r="D42" s="462"/>
      <c r="E42" s="463"/>
      <c r="F42" s="150"/>
      <c r="G42" s="149"/>
      <c r="H42" s="150"/>
      <c r="I42" s="149"/>
      <c r="J42" s="150"/>
      <c r="K42" s="149"/>
      <c r="L42" s="150"/>
      <c r="M42" s="149"/>
      <c r="N42" s="117"/>
      <c r="O42" s="119"/>
      <c r="P42" s="150"/>
      <c r="Q42" s="149"/>
      <c r="R42" s="150"/>
      <c r="S42" s="149"/>
      <c r="T42" s="150"/>
      <c r="U42" s="149"/>
      <c r="V42" s="150"/>
      <c r="W42" s="149"/>
      <c r="X42" s="150"/>
      <c r="Y42" s="149"/>
      <c r="Z42" s="150"/>
      <c r="AA42" s="149"/>
      <c r="AB42" s="150"/>
      <c r="AC42" s="149"/>
      <c r="AD42" s="117"/>
      <c r="AE42" s="119"/>
      <c r="AF42" s="120"/>
      <c r="AG42" s="118"/>
      <c r="AH42" s="117"/>
      <c r="AI42" s="119"/>
      <c r="AJ42" s="117"/>
      <c r="AK42" s="119"/>
      <c r="AL42" s="150"/>
      <c r="AM42" s="149"/>
      <c r="AN42" s="150"/>
      <c r="AO42" s="149" t="s">
        <v>495</v>
      </c>
      <c r="AP42" s="150"/>
      <c r="AQ42" s="149"/>
      <c r="AR42" s="117"/>
      <c r="AS42" s="119"/>
      <c r="AT42" s="117"/>
      <c r="AU42" s="119"/>
      <c r="AV42" s="150"/>
      <c r="AW42" s="149"/>
      <c r="AX42" s="117"/>
      <c r="AY42" s="119"/>
      <c r="AZ42" s="117"/>
      <c r="BA42" s="119"/>
      <c r="BB42" s="150"/>
      <c r="BC42" s="149"/>
      <c r="BD42" s="117"/>
      <c r="BE42" s="119"/>
      <c r="BF42" s="150"/>
      <c r="BG42" s="149"/>
      <c r="BH42" s="150"/>
      <c r="BI42" s="149"/>
      <c r="BJ42" s="117"/>
      <c r="BK42" s="119" t="s">
        <v>516</v>
      </c>
      <c r="BL42" s="150"/>
      <c r="BM42" s="149"/>
      <c r="BN42" s="150"/>
      <c r="BO42" s="149"/>
      <c r="BP42" s="150"/>
      <c r="BQ42" s="149"/>
      <c r="BR42" s="150"/>
      <c r="BS42" s="149"/>
      <c r="BT42" s="150"/>
      <c r="BU42" s="149"/>
      <c r="BV42" s="99"/>
      <c r="BW42" s="116"/>
      <c r="BX42" s="150"/>
      <c r="BY42" s="149"/>
      <c r="BZ42" s="150"/>
      <c r="CA42" s="149"/>
      <c r="CB42" s="150"/>
      <c r="CC42" s="149"/>
      <c r="CD42" s="150"/>
      <c r="CE42" s="149"/>
      <c r="CF42" s="150"/>
      <c r="CG42" s="149"/>
      <c r="CH42" s="150"/>
      <c r="CI42" s="149"/>
      <c r="CJ42" s="117"/>
      <c r="CK42" s="119"/>
      <c r="CL42" s="150"/>
      <c r="CM42" s="149"/>
      <c r="CN42" s="150"/>
      <c r="CO42" s="149"/>
      <c r="CP42" s="117"/>
      <c r="CQ42" s="119"/>
      <c r="CR42" s="117"/>
      <c r="CS42" s="119"/>
      <c r="CT42" s="150"/>
      <c r="CU42" s="149"/>
      <c r="CV42" s="117"/>
      <c r="CW42" s="119"/>
      <c r="CX42" s="150"/>
      <c r="CY42" s="149"/>
      <c r="CZ42" s="99"/>
      <c r="DA42" s="109" t="s">
        <v>517</v>
      </c>
      <c r="DB42" s="117"/>
      <c r="DC42" s="119"/>
      <c r="DD42" s="150"/>
      <c r="DE42" s="149"/>
      <c r="DF42" s="150"/>
      <c r="DG42" s="149"/>
      <c r="DH42" s="117"/>
      <c r="DI42" s="119"/>
      <c r="DJ42" s="150"/>
      <c r="DK42" s="149"/>
    </row>
    <row r="43" spans="1:115" ht="10" customHeight="1">
      <c r="A43" s="475"/>
      <c r="B43" s="471"/>
      <c r="C43" s="465"/>
      <c r="D43" s="462"/>
      <c r="E43" s="463"/>
      <c r="F43" s="150"/>
      <c r="G43" s="149"/>
      <c r="H43" s="150"/>
      <c r="I43" s="149"/>
      <c r="J43" s="150"/>
      <c r="K43" s="149"/>
      <c r="L43" s="150"/>
      <c r="M43" s="149"/>
      <c r="N43" s="117"/>
      <c r="O43" s="119"/>
      <c r="P43" s="150"/>
      <c r="Q43" s="149"/>
      <c r="R43" s="150"/>
      <c r="S43" s="149"/>
      <c r="T43" s="150"/>
      <c r="U43" s="149"/>
      <c r="V43" s="150"/>
      <c r="W43" s="149"/>
      <c r="X43" s="150"/>
      <c r="Y43" s="149"/>
      <c r="Z43" s="150"/>
      <c r="AA43" s="149"/>
      <c r="AB43" s="150"/>
      <c r="AC43" s="149"/>
      <c r="AD43" s="117"/>
      <c r="AE43" s="119"/>
      <c r="AF43" s="120"/>
      <c r="AG43" s="118"/>
      <c r="AH43" s="117"/>
      <c r="AI43" s="119"/>
      <c r="AJ43" s="117"/>
      <c r="AK43" s="119"/>
      <c r="AL43" s="150"/>
      <c r="AM43" s="149"/>
      <c r="AN43" s="150"/>
      <c r="AO43" s="149"/>
      <c r="AP43" s="150"/>
      <c r="AQ43" s="149"/>
      <c r="AR43" s="117"/>
      <c r="AS43" s="119"/>
      <c r="AT43" s="117"/>
      <c r="AU43" s="119"/>
      <c r="AV43" s="150"/>
      <c r="AW43" s="149"/>
      <c r="AX43" s="117"/>
      <c r="AY43" s="119"/>
      <c r="AZ43" s="117"/>
      <c r="BA43" s="119"/>
      <c r="BB43" s="150"/>
      <c r="BC43" s="149"/>
      <c r="BD43" s="117"/>
      <c r="BE43" s="119"/>
      <c r="BF43" s="150"/>
      <c r="BG43" s="149"/>
      <c r="BH43" s="150"/>
      <c r="BI43" s="149"/>
      <c r="BJ43" s="117"/>
      <c r="BK43" s="119"/>
      <c r="BL43" s="150"/>
      <c r="BM43" s="149"/>
      <c r="BN43" s="150"/>
      <c r="BO43" s="149"/>
      <c r="BP43" s="150"/>
      <c r="BQ43" s="149"/>
      <c r="BR43" s="150"/>
      <c r="BS43" s="149"/>
      <c r="BT43" s="150"/>
      <c r="BU43" s="149"/>
      <c r="BV43" s="114"/>
      <c r="BW43" s="109"/>
      <c r="BX43" s="150"/>
      <c r="BY43" s="149"/>
      <c r="BZ43" s="150"/>
      <c r="CA43" s="149"/>
      <c r="CB43" s="150"/>
      <c r="CC43" s="149"/>
      <c r="CD43" s="150"/>
      <c r="CE43" s="149"/>
      <c r="CF43" s="150"/>
      <c r="CG43" s="149"/>
      <c r="CH43" s="150"/>
      <c r="CI43" s="149"/>
      <c r="CJ43" s="117"/>
      <c r="CK43" s="119"/>
      <c r="CL43" s="150"/>
      <c r="CM43" s="149"/>
      <c r="CN43" s="150"/>
      <c r="CO43" s="149"/>
      <c r="CP43" s="117"/>
      <c r="CQ43" s="119"/>
      <c r="CR43" s="117"/>
      <c r="CS43" s="119"/>
      <c r="CT43" s="150"/>
      <c r="CU43" s="149"/>
      <c r="CV43" s="117"/>
      <c r="CW43" s="119"/>
      <c r="CX43" s="150"/>
      <c r="CY43" s="149"/>
      <c r="CZ43" s="117"/>
      <c r="DA43" s="109" t="s">
        <v>518</v>
      </c>
      <c r="DB43" s="117"/>
      <c r="DC43" s="119"/>
      <c r="DD43" s="150"/>
      <c r="DE43" s="149"/>
      <c r="DF43" s="150"/>
      <c r="DG43" s="149"/>
      <c r="DH43" s="117"/>
      <c r="DI43" s="119"/>
      <c r="DJ43" s="150"/>
      <c r="DK43" s="149"/>
    </row>
    <row r="44" spans="1:115" ht="10" customHeight="1">
      <c r="A44" s="475"/>
      <c r="B44" s="471"/>
      <c r="C44" s="465"/>
      <c r="D44" s="462"/>
      <c r="E44" s="463"/>
      <c r="F44" s="150"/>
      <c r="G44" s="149"/>
      <c r="H44" s="150"/>
      <c r="I44" s="149"/>
      <c r="J44" s="150"/>
      <c r="K44" s="149"/>
      <c r="L44" s="150"/>
      <c r="M44" s="149"/>
      <c r="N44" s="117"/>
      <c r="O44" s="119"/>
      <c r="P44" s="150"/>
      <c r="Q44" s="149"/>
      <c r="R44" s="150"/>
      <c r="S44" s="149"/>
      <c r="T44" s="150"/>
      <c r="U44" s="149"/>
      <c r="V44" s="150"/>
      <c r="W44" s="149"/>
      <c r="X44" s="150"/>
      <c r="Y44" s="149"/>
      <c r="Z44" s="150"/>
      <c r="AA44" s="149"/>
      <c r="AB44" s="150"/>
      <c r="AC44" s="149"/>
      <c r="AD44" s="117"/>
      <c r="AE44" s="119"/>
      <c r="AF44" s="120"/>
      <c r="AG44" s="118"/>
      <c r="AH44" s="117"/>
      <c r="AI44" s="119"/>
      <c r="AJ44" s="117"/>
      <c r="AK44" s="119"/>
      <c r="AL44" s="150"/>
      <c r="AM44" s="149"/>
      <c r="AN44" s="150"/>
      <c r="AO44" s="149"/>
      <c r="AP44" s="150"/>
      <c r="AQ44" s="149"/>
      <c r="AR44" s="117"/>
      <c r="AS44" s="119"/>
      <c r="AT44" s="117"/>
      <c r="AU44" s="119"/>
      <c r="AV44" s="150"/>
      <c r="AW44" s="149"/>
      <c r="AX44" s="117"/>
      <c r="AY44" s="119"/>
      <c r="AZ44" s="117"/>
      <c r="BA44" s="119"/>
      <c r="BB44" s="150"/>
      <c r="BC44" s="149"/>
      <c r="BD44" s="117"/>
      <c r="BE44" s="119"/>
      <c r="BF44" s="150"/>
      <c r="BG44" s="149"/>
      <c r="BH44" s="150"/>
      <c r="BI44" s="149"/>
      <c r="BJ44" s="117"/>
      <c r="BK44" s="119"/>
      <c r="BL44" s="150"/>
      <c r="BM44" s="149"/>
      <c r="BN44" s="150"/>
      <c r="BO44" s="149"/>
      <c r="BP44" s="150"/>
      <c r="BQ44" s="149"/>
      <c r="BR44" s="150"/>
      <c r="BS44" s="149"/>
      <c r="BT44" s="150"/>
      <c r="BU44" s="149"/>
      <c r="BV44" s="99"/>
      <c r="BW44" s="119"/>
      <c r="BX44" s="150"/>
      <c r="BY44" s="149"/>
      <c r="BZ44" s="150"/>
      <c r="CA44" s="149"/>
      <c r="CB44" s="150"/>
      <c r="CC44" s="149"/>
      <c r="CD44" s="150"/>
      <c r="CE44" s="149"/>
      <c r="CF44" s="150"/>
      <c r="CG44" s="149"/>
      <c r="CH44" s="150"/>
      <c r="CI44" s="149"/>
      <c r="CJ44" s="117"/>
      <c r="CK44" s="119"/>
      <c r="CL44" s="150"/>
      <c r="CM44" s="149"/>
      <c r="CN44" s="150"/>
      <c r="CO44" s="149"/>
      <c r="CP44" s="117"/>
      <c r="CQ44" s="119"/>
      <c r="CR44" s="117"/>
      <c r="CS44" s="119"/>
      <c r="CT44" s="150"/>
      <c r="CU44" s="149"/>
      <c r="CV44" s="117"/>
      <c r="CW44" s="119"/>
      <c r="CX44" s="150"/>
      <c r="CY44" s="149"/>
      <c r="CZ44" s="117"/>
      <c r="DA44" s="119"/>
      <c r="DB44" s="117"/>
      <c r="DC44" s="119"/>
      <c r="DD44" s="150"/>
      <c r="DE44" s="149"/>
      <c r="DF44" s="150"/>
      <c r="DG44" s="149"/>
      <c r="DH44" s="117"/>
      <c r="DI44" s="119"/>
      <c r="DJ44" s="150"/>
      <c r="DK44" s="149"/>
    </row>
    <row r="45" spans="1:115" ht="10" customHeight="1">
      <c r="A45" s="475"/>
      <c r="B45" s="471"/>
      <c r="C45" s="465"/>
      <c r="D45" s="273"/>
      <c r="E45" s="274"/>
      <c r="F45" s="148"/>
      <c r="G45" s="147"/>
      <c r="H45" s="148"/>
      <c r="I45" s="147"/>
      <c r="J45" s="148"/>
      <c r="K45" s="147"/>
      <c r="L45" s="148"/>
      <c r="M45" s="147"/>
      <c r="N45" s="121"/>
      <c r="O45" s="131"/>
      <c r="P45" s="148"/>
      <c r="Q45" s="147"/>
      <c r="R45" s="148"/>
      <c r="S45" s="147"/>
      <c r="T45" s="148"/>
      <c r="U45" s="147"/>
      <c r="V45" s="148"/>
      <c r="W45" s="147"/>
      <c r="X45" s="148"/>
      <c r="Y45" s="147"/>
      <c r="Z45" s="148"/>
      <c r="AA45" s="147"/>
      <c r="AB45" s="148"/>
      <c r="AC45" s="147"/>
      <c r="AD45" s="121"/>
      <c r="AE45" s="131"/>
      <c r="AF45" s="123"/>
      <c r="AG45" s="134"/>
      <c r="AH45" s="121"/>
      <c r="AI45" s="131"/>
      <c r="AJ45" s="121"/>
      <c r="AK45" s="131"/>
      <c r="AL45" s="148"/>
      <c r="AM45" s="147"/>
      <c r="AN45" s="148"/>
      <c r="AO45" s="147"/>
      <c r="AP45" s="148"/>
      <c r="AQ45" s="147"/>
      <c r="AR45" s="121"/>
      <c r="AS45" s="131"/>
      <c r="AT45" s="121"/>
      <c r="AU45" s="131"/>
      <c r="AV45" s="148"/>
      <c r="AW45" s="147"/>
      <c r="AX45" s="121"/>
      <c r="AY45" s="131"/>
      <c r="AZ45" s="121"/>
      <c r="BA45" s="131"/>
      <c r="BB45" s="148"/>
      <c r="BC45" s="147"/>
      <c r="BD45" s="121"/>
      <c r="BE45" s="131"/>
      <c r="BF45" s="148"/>
      <c r="BG45" s="147"/>
      <c r="BH45" s="148"/>
      <c r="BI45" s="147"/>
      <c r="BJ45" s="121"/>
      <c r="BK45" s="131"/>
      <c r="BL45" s="148"/>
      <c r="BM45" s="147"/>
      <c r="BN45" s="148"/>
      <c r="BO45" s="147"/>
      <c r="BP45" s="148"/>
      <c r="BQ45" s="147"/>
      <c r="BR45" s="148"/>
      <c r="BS45" s="147"/>
      <c r="BT45" s="148"/>
      <c r="BU45" s="147"/>
      <c r="BV45" s="84"/>
      <c r="BW45" s="131"/>
      <c r="BX45" s="148"/>
      <c r="BY45" s="147"/>
      <c r="BZ45" s="148"/>
      <c r="CA45" s="147"/>
      <c r="CB45" s="148"/>
      <c r="CC45" s="147"/>
      <c r="CD45" s="148"/>
      <c r="CE45" s="147"/>
      <c r="CF45" s="148"/>
      <c r="CG45" s="147"/>
      <c r="CH45" s="148"/>
      <c r="CI45" s="147"/>
      <c r="CJ45" s="121"/>
      <c r="CK45" s="131"/>
      <c r="CL45" s="148"/>
      <c r="CM45" s="147"/>
      <c r="CN45" s="148"/>
      <c r="CO45" s="147"/>
      <c r="CP45" s="121"/>
      <c r="CQ45" s="131"/>
      <c r="CR45" s="121"/>
      <c r="CS45" s="131"/>
      <c r="CT45" s="148"/>
      <c r="CU45" s="147"/>
      <c r="CV45" s="121"/>
      <c r="CW45" s="131"/>
      <c r="CX45" s="148"/>
      <c r="CY45" s="147"/>
      <c r="CZ45" s="121"/>
      <c r="DA45" s="131"/>
      <c r="DB45" s="121"/>
      <c r="DC45" s="131"/>
      <c r="DD45" s="148"/>
      <c r="DE45" s="147"/>
      <c r="DF45" s="148"/>
      <c r="DG45" s="147"/>
      <c r="DH45" s="121"/>
      <c r="DI45" s="131"/>
      <c r="DJ45" s="148"/>
      <c r="DK45" s="147"/>
    </row>
    <row r="46" spans="1:115" ht="10" customHeight="1">
      <c r="A46" s="475"/>
      <c r="B46" s="453" t="s">
        <v>519</v>
      </c>
      <c r="C46" s="454"/>
      <c r="D46" s="455"/>
      <c r="E46" s="136" t="s">
        <v>587</v>
      </c>
      <c r="F46" s="332" t="s">
        <v>520</v>
      </c>
      <c r="G46" s="333"/>
      <c r="H46" s="332" t="s">
        <v>520</v>
      </c>
      <c r="I46" s="333"/>
      <c r="J46" s="332" t="s">
        <v>520</v>
      </c>
      <c r="K46" s="333"/>
      <c r="L46" s="332" t="s">
        <v>520</v>
      </c>
      <c r="M46" s="333"/>
      <c r="N46" s="326" t="s">
        <v>520</v>
      </c>
      <c r="O46" s="327"/>
      <c r="P46" s="332" t="s">
        <v>520</v>
      </c>
      <c r="Q46" s="333"/>
      <c r="R46" s="332" t="s">
        <v>520</v>
      </c>
      <c r="S46" s="333"/>
      <c r="T46" s="332" t="s">
        <v>520</v>
      </c>
      <c r="U46" s="333"/>
      <c r="V46" s="332" t="s">
        <v>520</v>
      </c>
      <c r="W46" s="333"/>
      <c r="X46" s="332" t="s">
        <v>617</v>
      </c>
      <c r="Y46" s="333"/>
      <c r="Z46" s="332" t="s">
        <v>520</v>
      </c>
      <c r="AA46" s="333"/>
      <c r="AB46" s="332" t="s">
        <v>520</v>
      </c>
      <c r="AC46" s="333"/>
      <c r="AD46" s="326" t="s">
        <v>520</v>
      </c>
      <c r="AE46" s="327"/>
      <c r="AF46" s="451" t="s">
        <v>520</v>
      </c>
      <c r="AG46" s="452"/>
      <c r="AH46" s="326" t="s">
        <v>520</v>
      </c>
      <c r="AI46" s="327"/>
      <c r="AJ46" s="326" t="s">
        <v>520</v>
      </c>
      <c r="AK46" s="327"/>
      <c r="AL46" s="332" t="s">
        <v>617</v>
      </c>
      <c r="AM46" s="333"/>
      <c r="AN46" s="332" t="s">
        <v>617</v>
      </c>
      <c r="AO46" s="333"/>
      <c r="AP46" s="332" t="s">
        <v>520</v>
      </c>
      <c r="AQ46" s="333"/>
      <c r="AR46" s="326" t="s">
        <v>520</v>
      </c>
      <c r="AS46" s="327"/>
      <c r="AT46" s="326" t="s">
        <v>520</v>
      </c>
      <c r="AU46" s="327"/>
      <c r="AV46" s="332" t="s">
        <v>520</v>
      </c>
      <c r="AW46" s="333"/>
      <c r="AX46" s="326" t="s">
        <v>520</v>
      </c>
      <c r="AY46" s="327"/>
      <c r="AZ46" s="326" t="s">
        <v>520</v>
      </c>
      <c r="BA46" s="327"/>
      <c r="BB46" s="332" t="s">
        <v>520</v>
      </c>
      <c r="BC46" s="333"/>
      <c r="BD46" s="326" t="s">
        <v>520</v>
      </c>
      <c r="BE46" s="327"/>
      <c r="BF46" s="332" t="s">
        <v>617</v>
      </c>
      <c r="BG46" s="333"/>
      <c r="BH46" s="328" t="s">
        <v>520</v>
      </c>
      <c r="BI46" s="328"/>
      <c r="BJ46" s="392">
        <v>55</v>
      </c>
      <c r="BK46" s="393"/>
      <c r="BL46" s="332" t="s">
        <v>520</v>
      </c>
      <c r="BM46" s="333"/>
      <c r="BN46" s="332" t="s">
        <v>520</v>
      </c>
      <c r="BO46" s="333"/>
      <c r="BP46" s="332" t="s">
        <v>520</v>
      </c>
      <c r="BQ46" s="333"/>
      <c r="BR46" s="332" t="s">
        <v>520</v>
      </c>
      <c r="BS46" s="333"/>
      <c r="BT46" s="332" t="s">
        <v>520</v>
      </c>
      <c r="BU46" s="333"/>
      <c r="BV46" s="326" t="s">
        <v>520</v>
      </c>
      <c r="BW46" s="327"/>
      <c r="BX46" s="332" t="s">
        <v>520</v>
      </c>
      <c r="BY46" s="333"/>
      <c r="BZ46" s="332" t="s">
        <v>520</v>
      </c>
      <c r="CA46" s="333"/>
      <c r="CB46" s="332" t="s">
        <v>520</v>
      </c>
      <c r="CC46" s="333"/>
      <c r="CD46" s="332" t="s">
        <v>520</v>
      </c>
      <c r="CE46" s="333"/>
      <c r="CF46" s="332" t="s">
        <v>520</v>
      </c>
      <c r="CG46" s="333"/>
      <c r="CH46" s="447" t="s">
        <v>520</v>
      </c>
      <c r="CI46" s="448"/>
      <c r="CJ46" s="326" t="s">
        <v>520</v>
      </c>
      <c r="CK46" s="449"/>
      <c r="CL46" s="332" t="s">
        <v>617</v>
      </c>
      <c r="CM46" s="333"/>
      <c r="CN46" s="332" t="s">
        <v>520</v>
      </c>
      <c r="CO46" s="333"/>
      <c r="CP46" s="326" t="s">
        <v>520</v>
      </c>
      <c r="CQ46" s="327"/>
      <c r="CR46" s="390">
        <v>64</v>
      </c>
      <c r="CS46" s="450"/>
      <c r="CT46" s="332" t="s">
        <v>520</v>
      </c>
      <c r="CU46" s="333"/>
      <c r="CV46" s="392">
        <v>40</v>
      </c>
      <c r="CW46" s="446"/>
      <c r="CX46" s="332" t="s">
        <v>520</v>
      </c>
      <c r="CY46" s="333"/>
      <c r="CZ46" s="326" t="s">
        <v>520</v>
      </c>
      <c r="DA46" s="327"/>
      <c r="DB46" s="326" t="s">
        <v>520</v>
      </c>
      <c r="DC46" s="327"/>
      <c r="DD46" s="332" t="s">
        <v>520</v>
      </c>
      <c r="DE46" s="333"/>
      <c r="DF46" s="390">
        <v>60</v>
      </c>
      <c r="DG46" s="391"/>
      <c r="DH46" s="326" t="s">
        <v>617</v>
      </c>
      <c r="DI46" s="327"/>
      <c r="DJ46" s="332" t="s">
        <v>520</v>
      </c>
      <c r="DK46" s="333"/>
    </row>
    <row r="47" spans="1:115" ht="10" customHeight="1">
      <c r="A47" s="475"/>
      <c r="B47" s="456"/>
      <c r="C47" s="457"/>
      <c r="D47" s="458"/>
      <c r="E47" s="137" t="s">
        <v>590</v>
      </c>
      <c r="F47" s="317" t="s">
        <v>520</v>
      </c>
      <c r="G47" s="318"/>
      <c r="H47" s="317" t="s">
        <v>520</v>
      </c>
      <c r="I47" s="318"/>
      <c r="J47" s="317" t="s">
        <v>520</v>
      </c>
      <c r="K47" s="318"/>
      <c r="L47" s="317" t="s">
        <v>520</v>
      </c>
      <c r="M47" s="318"/>
      <c r="N47" s="313" t="s">
        <v>520</v>
      </c>
      <c r="O47" s="314"/>
      <c r="P47" s="317" t="s">
        <v>520</v>
      </c>
      <c r="Q47" s="318"/>
      <c r="R47" s="317" t="s">
        <v>520</v>
      </c>
      <c r="S47" s="318"/>
      <c r="T47" s="317" t="s">
        <v>520</v>
      </c>
      <c r="U47" s="318"/>
      <c r="V47" s="317" t="s">
        <v>520</v>
      </c>
      <c r="W47" s="318"/>
      <c r="X47" s="317" t="s">
        <v>617</v>
      </c>
      <c r="Y47" s="318"/>
      <c r="Z47" s="317" t="s">
        <v>520</v>
      </c>
      <c r="AA47" s="318"/>
      <c r="AB47" s="317" t="s">
        <v>520</v>
      </c>
      <c r="AC47" s="318"/>
      <c r="AD47" s="313" t="s">
        <v>520</v>
      </c>
      <c r="AE47" s="314"/>
      <c r="AF47" s="440" t="s">
        <v>520</v>
      </c>
      <c r="AG47" s="441"/>
      <c r="AH47" s="313" t="s">
        <v>520</v>
      </c>
      <c r="AI47" s="314"/>
      <c r="AJ47" s="313" t="s">
        <v>520</v>
      </c>
      <c r="AK47" s="314"/>
      <c r="AL47" s="317" t="s">
        <v>617</v>
      </c>
      <c r="AM47" s="318"/>
      <c r="AN47" s="317" t="s">
        <v>617</v>
      </c>
      <c r="AO47" s="318"/>
      <c r="AP47" s="317" t="s">
        <v>520</v>
      </c>
      <c r="AQ47" s="318"/>
      <c r="AR47" s="313" t="s">
        <v>520</v>
      </c>
      <c r="AS47" s="314"/>
      <c r="AT47" s="313" t="s">
        <v>520</v>
      </c>
      <c r="AU47" s="314"/>
      <c r="AV47" s="317" t="s">
        <v>520</v>
      </c>
      <c r="AW47" s="318"/>
      <c r="AX47" s="313" t="s">
        <v>520</v>
      </c>
      <c r="AY47" s="314"/>
      <c r="AZ47" s="313" t="s">
        <v>520</v>
      </c>
      <c r="BA47" s="314"/>
      <c r="BB47" s="317" t="s">
        <v>520</v>
      </c>
      <c r="BC47" s="318"/>
      <c r="BD47" s="313" t="s">
        <v>520</v>
      </c>
      <c r="BE47" s="314"/>
      <c r="BF47" s="317" t="s">
        <v>617</v>
      </c>
      <c r="BG47" s="318"/>
      <c r="BH47" s="315" t="s">
        <v>520</v>
      </c>
      <c r="BI47" s="315"/>
      <c r="BJ47" s="366">
        <v>105</v>
      </c>
      <c r="BK47" s="437"/>
      <c r="BL47" s="317" t="s">
        <v>520</v>
      </c>
      <c r="BM47" s="318"/>
      <c r="BN47" s="317" t="s">
        <v>520</v>
      </c>
      <c r="BO47" s="318"/>
      <c r="BP47" s="317" t="s">
        <v>520</v>
      </c>
      <c r="BQ47" s="318"/>
      <c r="BR47" s="317" t="s">
        <v>520</v>
      </c>
      <c r="BS47" s="318"/>
      <c r="BT47" s="317" t="s">
        <v>520</v>
      </c>
      <c r="BU47" s="318"/>
      <c r="BV47" s="313" t="s">
        <v>520</v>
      </c>
      <c r="BW47" s="314"/>
      <c r="BX47" s="317" t="s">
        <v>520</v>
      </c>
      <c r="BY47" s="318"/>
      <c r="BZ47" s="317" t="s">
        <v>520</v>
      </c>
      <c r="CA47" s="318"/>
      <c r="CB47" s="317" t="s">
        <v>520</v>
      </c>
      <c r="CC47" s="318"/>
      <c r="CD47" s="317" t="s">
        <v>520</v>
      </c>
      <c r="CE47" s="318"/>
      <c r="CF47" s="317" t="s">
        <v>520</v>
      </c>
      <c r="CG47" s="318"/>
      <c r="CH47" s="442" t="s">
        <v>520</v>
      </c>
      <c r="CI47" s="443"/>
      <c r="CJ47" s="313" t="s">
        <v>520</v>
      </c>
      <c r="CK47" s="444"/>
      <c r="CL47" s="317" t="s">
        <v>617</v>
      </c>
      <c r="CM47" s="318"/>
      <c r="CN47" s="317" t="s">
        <v>520</v>
      </c>
      <c r="CO47" s="318"/>
      <c r="CP47" s="313" t="s">
        <v>520</v>
      </c>
      <c r="CQ47" s="314"/>
      <c r="CR47" s="378">
        <v>150</v>
      </c>
      <c r="CS47" s="445"/>
      <c r="CT47" s="317" t="s">
        <v>520</v>
      </c>
      <c r="CU47" s="318"/>
      <c r="CV47" s="366">
        <v>60</v>
      </c>
      <c r="CW47" s="437"/>
      <c r="CX47" s="317" t="s">
        <v>520</v>
      </c>
      <c r="CY47" s="318"/>
      <c r="CZ47" s="313" t="s">
        <v>520</v>
      </c>
      <c r="DA47" s="314"/>
      <c r="DB47" s="313" t="s">
        <v>520</v>
      </c>
      <c r="DC47" s="314"/>
      <c r="DD47" s="317" t="s">
        <v>520</v>
      </c>
      <c r="DE47" s="318"/>
      <c r="DF47" s="378">
        <v>120</v>
      </c>
      <c r="DG47" s="379"/>
      <c r="DH47" s="313" t="s">
        <v>617</v>
      </c>
      <c r="DI47" s="314"/>
      <c r="DJ47" s="317" t="s">
        <v>520</v>
      </c>
      <c r="DK47" s="318"/>
    </row>
    <row r="48" spans="1:115" ht="10" customHeight="1">
      <c r="A48" s="475"/>
      <c r="B48" s="456"/>
      <c r="C48" s="457"/>
      <c r="D48" s="458"/>
      <c r="E48" s="137" t="s">
        <v>589</v>
      </c>
      <c r="F48" s="317" t="s">
        <v>520</v>
      </c>
      <c r="G48" s="318"/>
      <c r="H48" s="317" t="s">
        <v>520</v>
      </c>
      <c r="I48" s="318"/>
      <c r="J48" s="317" t="s">
        <v>520</v>
      </c>
      <c r="K48" s="318"/>
      <c r="L48" s="317" t="s">
        <v>520</v>
      </c>
      <c r="M48" s="318"/>
      <c r="N48" s="313" t="s">
        <v>520</v>
      </c>
      <c r="O48" s="314"/>
      <c r="P48" s="317" t="s">
        <v>520</v>
      </c>
      <c r="Q48" s="318"/>
      <c r="R48" s="317" t="s">
        <v>520</v>
      </c>
      <c r="S48" s="318"/>
      <c r="T48" s="317" t="s">
        <v>520</v>
      </c>
      <c r="U48" s="318"/>
      <c r="V48" s="317" t="s">
        <v>520</v>
      </c>
      <c r="W48" s="318"/>
      <c r="X48" s="317" t="s">
        <v>617</v>
      </c>
      <c r="Y48" s="318"/>
      <c r="Z48" s="317" t="s">
        <v>520</v>
      </c>
      <c r="AA48" s="318"/>
      <c r="AB48" s="317" t="s">
        <v>520</v>
      </c>
      <c r="AC48" s="318"/>
      <c r="AD48" s="313" t="s">
        <v>520</v>
      </c>
      <c r="AE48" s="314"/>
      <c r="AF48" s="440" t="s">
        <v>520</v>
      </c>
      <c r="AG48" s="441"/>
      <c r="AH48" s="313" t="s">
        <v>520</v>
      </c>
      <c r="AI48" s="314"/>
      <c r="AJ48" s="313" t="s">
        <v>520</v>
      </c>
      <c r="AK48" s="314"/>
      <c r="AL48" s="317" t="s">
        <v>617</v>
      </c>
      <c r="AM48" s="318"/>
      <c r="AN48" s="317" t="s">
        <v>617</v>
      </c>
      <c r="AO48" s="318"/>
      <c r="AP48" s="317" t="s">
        <v>520</v>
      </c>
      <c r="AQ48" s="318"/>
      <c r="AR48" s="313" t="s">
        <v>520</v>
      </c>
      <c r="AS48" s="314"/>
      <c r="AT48" s="313" t="s">
        <v>520</v>
      </c>
      <c r="AU48" s="314"/>
      <c r="AV48" s="317" t="s">
        <v>520</v>
      </c>
      <c r="AW48" s="318"/>
      <c r="AX48" s="313" t="s">
        <v>520</v>
      </c>
      <c r="AY48" s="314"/>
      <c r="AZ48" s="313" t="s">
        <v>520</v>
      </c>
      <c r="BA48" s="314"/>
      <c r="BB48" s="317" t="s">
        <v>520</v>
      </c>
      <c r="BC48" s="318"/>
      <c r="BD48" s="313" t="s">
        <v>520</v>
      </c>
      <c r="BE48" s="314"/>
      <c r="BF48" s="317" t="s">
        <v>617</v>
      </c>
      <c r="BG48" s="318"/>
      <c r="BH48" s="315" t="s">
        <v>520</v>
      </c>
      <c r="BI48" s="315"/>
      <c r="BJ48" s="366">
        <v>150</v>
      </c>
      <c r="BK48" s="437"/>
      <c r="BL48" s="317" t="s">
        <v>520</v>
      </c>
      <c r="BM48" s="318"/>
      <c r="BN48" s="317" t="s">
        <v>520</v>
      </c>
      <c r="BO48" s="318"/>
      <c r="BP48" s="317" t="s">
        <v>520</v>
      </c>
      <c r="BQ48" s="318"/>
      <c r="BR48" s="317" t="s">
        <v>520</v>
      </c>
      <c r="BS48" s="318"/>
      <c r="BT48" s="317" t="s">
        <v>520</v>
      </c>
      <c r="BU48" s="318"/>
      <c r="BV48" s="313" t="s">
        <v>520</v>
      </c>
      <c r="BW48" s="314"/>
      <c r="BX48" s="317" t="s">
        <v>520</v>
      </c>
      <c r="BY48" s="318"/>
      <c r="BZ48" s="317" t="s">
        <v>520</v>
      </c>
      <c r="CA48" s="318"/>
      <c r="CB48" s="317" t="s">
        <v>520</v>
      </c>
      <c r="CC48" s="318"/>
      <c r="CD48" s="317" t="s">
        <v>520</v>
      </c>
      <c r="CE48" s="318"/>
      <c r="CF48" s="317" t="s">
        <v>520</v>
      </c>
      <c r="CG48" s="318"/>
      <c r="CH48" s="442" t="s">
        <v>520</v>
      </c>
      <c r="CI48" s="443"/>
      <c r="CJ48" s="313" t="s">
        <v>520</v>
      </c>
      <c r="CK48" s="444"/>
      <c r="CL48" s="317" t="s">
        <v>617</v>
      </c>
      <c r="CM48" s="318"/>
      <c r="CN48" s="317" t="s">
        <v>520</v>
      </c>
      <c r="CO48" s="318"/>
      <c r="CP48" s="313" t="s">
        <v>520</v>
      </c>
      <c r="CQ48" s="314"/>
      <c r="CR48" s="378">
        <v>213</v>
      </c>
      <c r="CS48" s="445"/>
      <c r="CT48" s="317" t="s">
        <v>520</v>
      </c>
      <c r="CU48" s="318"/>
      <c r="CV48" s="366">
        <v>70</v>
      </c>
      <c r="CW48" s="437"/>
      <c r="CX48" s="317" t="s">
        <v>520</v>
      </c>
      <c r="CY48" s="318"/>
      <c r="CZ48" s="313" t="s">
        <v>520</v>
      </c>
      <c r="DA48" s="314"/>
      <c r="DB48" s="313" t="s">
        <v>520</v>
      </c>
      <c r="DC48" s="314"/>
      <c r="DD48" s="317" t="s">
        <v>520</v>
      </c>
      <c r="DE48" s="318"/>
      <c r="DF48" s="378">
        <v>150</v>
      </c>
      <c r="DG48" s="379"/>
      <c r="DH48" s="313" t="s">
        <v>617</v>
      </c>
      <c r="DI48" s="314"/>
      <c r="DJ48" s="317" t="s">
        <v>520</v>
      </c>
      <c r="DK48" s="318"/>
    </row>
    <row r="49" spans="1:115" ht="10" customHeight="1">
      <c r="A49" s="475"/>
      <c r="B49" s="459"/>
      <c r="C49" s="460"/>
      <c r="D49" s="461"/>
      <c r="E49" s="138" t="s">
        <v>591</v>
      </c>
      <c r="F49" s="310" t="s">
        <v>520</v>
      </c>
      <c r="G49" s="311"/>
      <c r="H49" s="310" t="s">
        <v>520</v>
      </c>
      <c r="I49" s="311"/>
      <c r="J49" s="310" t="s">
        <v>520</v>
      </c>
      <c r="K49" s="311"/>
      <c r="L49" s="310" t="s">
        <v>520</v>
      </c>
      <c r="M49" s="311"/>
      <c r="N49" s="308" t="s">
        <v>520</v>
      </c>
      <c r="O49" s="436"/>
      <c r="P49" s="310" t="s">
        <v>520</v>
      </c>
      <c r="Q49" s="311"/>
      <c r="R49" s="310" t="s">
        <v>520</v>
      </c>
      <c r="S49" s="311"/>
      <c r="T49" s="310" t="s">
        <v>520</v>
      </c>
      <c r="U49" s="311"/>
      <c r="V49" s="310" t="s">
        <v>520</v>
      </c>
      <c r="W49" s="311"/>
      <c r="X49" s="310" t="s">
        <v>617</v>
      </c>
      <c r="Y49" s="311"/>
      <c r="Z49" s="310" t="s">
        <v>520</v>
      </c>
      <c r="AA49" s="311"/>
      <c r="AB49" s="310" t="s">
        <v>520</v>
      </c>
      <c r="AC49" s="311"/>
      <c r="AD49" s="308" t="s">
        <v>520</v>
      </c>
      <c r="AE49" s="309"/>
      <c r="AF49" s="438" t="s">
        <v>520</v>
      </c>
      <c r="AG49" s="439"/>
      <c r="AH49" s="308" t="s">
        <v>520</v>
      </c>
      <c r="AI49" s="309"/>
      <c r="AJ49" s="308" t="s">
        <v>520</v>
      </c>
      <c r="AK49" s="309"/>
      <c r="AL49" s="310" t="s">
        <v>617</v>
      </c>
      <c r="AM49" s="311"/>
      <c r="AN49" s="310" t="s">
        <v>617</v>
      </c>
      <c r="AO49" s="311"/>
      <c r="AP49" s="310" t="s">
        <v>520</v>
      </c>
      <c r="AQ49" s="311"/>
      <c r="AR49" s="308" t="s">
        <v>520</v>
      </c>
      <c r="AS49" s="309"/>
      <c r="AT49" s="308" t="s">
        <v>520</v>
      </c>
      <c r="AU49" s="309"/>
      <c r="AV49" s="310" t="s">
        <v>520</v>
      </c>
      <c r="AW49" s="311"/>
      <c r="AX49" s="308" t="s">
        <v>520</v>
      </c>
      <c r="AY49" s="309"/>
      <c r="AZ49" s="308" t="s">
        <v>520</v>
      </c>
      <c r="BA49" s="309"/>
      <c r="BB49" s="310" t="s">
        <v>520</v>
      </c>
      <c r="BC49" s="311"/>
      <c r="BD49" s="308" t="s">
        <v>520</v>
      </c>
      <c r="BE49" s="309"/>
      <c r="BF49" s="310" t="s">
        <v>617</v>
      </c>
      <c r="BG49" s="311"/>
      <c r="BH49" s="301" t="s">
        <v>520</v>
      </c>
      <c r="BI49" s="301"/>
      <c r="BJ49" s="357">
        <v>225</v>
      </c>
      <c r="BK49" s="433"/>
      <c r="BL49" s="310" t="s">
        <v>520</v>
      </c>
      <c r="BM49" s="311"/>
      <c r="BN49" s="310" t="s">
        <v>520</v>
      </c>
      <c r="BO49" s="311"/>
      <c r="BP49" s="310" t="s">
        <v>520</v>
      </c>
      <c r="BQ49" s="311"/>
      <c r="BR49" s="310" t="s">
        <v>520</v>
      </c>
      <c r="BS49" s="311"/>
      <c r="BT49" s="310" t="s">
        <v>520</v>
      </c>
      <c r="BU49" s="311"/>
      <c r="BV49" s="308" t="s">
        <v>520</v>
      </c>
      <c r="BW49" s="309"/>
      <c r="BX49" s="310" t="s">
        <v>520</v>
      </c>
      <c r="BY49" s="311"/>
      <c r="BZ49" s="310" t="s">
        <v>520</v>
      </c>
      <c r="CA49" s="311"/>
      <c r="CB49" s="310" t="s">
        <v>520</v>
      </c>
      <c r="CC49" s="311"/>
      <c r="CD49" s="310" t="s">
        <v>520</v>
      </c>
      <c r="CE49" s="311"/>
      <c r="CF49" s="310" t="s">
        <v>520</v>
      </c>
      <c r="CG49" s="311"/>
      <c r="CH49" s="434" t="s">
        <v>520</v>
      </c>
      <c r="CI49" s="435"/>
      <c r="CJ49" s="308" t="s">
        <v>520</v>
      </c>
      <c r="CK49" s="436"/>
      <c r="CL49" s="310" t="s">
        <v>617</v>
      </c>
      <c r="CM49" s="311"/>
      <c r="CN49" s="310" t="s">
        <v>520</v>
      </c>
      <c r="CO49" s="311"/>
      <c r="CP49" s="308" t="s">
        <v>520</v>
      </c>
      <c r="CQ49" s="309"/>
      <c r="CR49" s="412">
        <v>534</v>
      </c>
      <c r="CS49" s="432"/>
      <c r="CT49" s="310" t="s">
        <v>520</v>
      </c>
      <c r="CU49" s="311"/>
      <c r="CV49" s="357">
        <v>140</v>
      </c>
      <c r="CW49" s="433"/>
      <c r="CX49" s="310" t="s">
        <v>520</v>
      </c>
      <c r="CY49" s="311"/>
      <c r="CZ49" s="308" t="s">
        <v>520</v>
      </c>
      <c r="DA49" s="309"/>
      <c r="DB49" s="308" t="s">
        <v>520</v>
      </c>
      <c r="DC49" s="309"/>
      <c r="DD49" s="310" t="s">
        <v>520</v>
      </c>
      <c r="DE49" s="311"/>
      <c r="DF49" s="412">
        <v>180</v>
      </c>
      <c r="DG49" s="413"/>
      <c r="DH49" s="308" t="s">
        <v>617</v>
      </c>
      <c r="DI49" s="309"/>
      <c r="DJ49" s="310" t="s">
        <v>520</v>
      </c>
      <c r="DK49" s="311"/>
    </row>
    <row r="50" spans="1:115" ht="10" customHeight="1">
      <c r="A50" s="476"/>
      <c r="B50" s="302" t="s">
        <v>521</v>
      </c>
      <c r="C50" s="303"/>
      <c r="D50" s="303"/>
      <c r="E50" s="304"/>
      <c r="F50" s="277" t="s">
        <v>522</v>
      </c>
      <c r="G50" s="278"/>
      <c r="H50" s="277" t="s">
        <v>522</v>
      </c>
      <c r="I50" s="278"/>
      <c r="J50" s="277" t="s">
        <v>523</v>
      </c>
      <c r="K50" s="278"/>
      <c r="L50" s="277" t="s">
        <v>524</v>
      </c>
      <c r="M50" s="278"/>
      <c r="N50" s="290" t="s">
        <v>523</v>
      </c>
      <c r="O50" s="297"/>
      <c r="P50" s="277" t="s">
        <v>522</v>
      </c>
      <c r="Q50" s="278"/>
      <c r="R50" s="277" t="s">
        <v>522</v>
      </c>
      <c r="S50" s="278"/>
      <c r="T50" s="277" t="s">
        <v>523</v>
      </c>
      <c r="U50" s="294"/>
      <c r="V50" s="277" t="s">
        <v>522</v>
      </c>
      <c r="W50" s="278"/>
      <c r="X50" s="277" t="s">
        <v>522</v>
      </c>
      <c r="Y50" s="278"/>
      <c r="Z50" s="277" t="s">
        <v>522</v>
      </c>
      <c r="AA50" s="278"/>
      <c r="AB50" s="277" t="s">
        <v>522</v>
      </c>
      <c r="AC50" s="278"/>
      <c r="AD50" s="290" t="s">
        <v>522</v>
      </c>
      <c r="AE50" s="297"/>
      <c r="AF50" s="286" t="s">
        <v>740</v>
      </c>
      <c r="AG50" s="287"/>
      <c r="AH50" s="290" t="s">
        <v>523</v>
      </c>
      <c r="AI50" s="291"/>
      <c r="AJ50" s="269" t="s">
        <v>522</v>
      </c>
      <c r="AK50" s="270"/>
      <c r="AL50" s="275" t="s">
        <v>522</v>
      </c>
      <c r="AM50" s="276"/>
      <c r="AN50" s="275" t="s">
        <v>522</v>
      </c>
      <c r="AO50" s="276"/>
      <c r="AP50" s="275" t="s">
        <v>522</v>
      </c>
      <c r="AQ50" s="276"/>
      <c r="AR50" s="271" t="s">
        <v>522</v>
      </c>
      <c r="AS50" s="272"/>
      <c r="AT50" s="269" t="s">
        <v>522</v>
      </c>
      <c r="AU50" s="270"/>
      <c r="AV50" s="275" t="s">
        <v>522</v>
      </c>
      <c r="AW50" s="276"/>
      <c r="AX50" s="269" t="s">
        <v>522</v>
      </c>
      <c r="AY50" s="270"/>
      <c r="AZ50" s="269" t="s">
        <v>522</v>
      </c>
      <c r="BA50" s="270"/>
      <c r="BB50" s="275" t="s">
        <v>522</v>
      </c>
      <c r="BC50" s="276"/>
      <c r="BD50" s="269" t="s">
        <v>525</v>
      </c>
      <c r="BE50" s="270"/>
      <c r="BF50" s="281" t="s">
        <v>522</v>
      </c>
      <c r="BG50" s="282"/>
      <c r="BH50" s="275" t="s">
        <v>522</v>
      </c>
      <c r="BI50" s="276"/>
      <c r="BJ50" s="269" t="s">
        <v>522</v>
      </c>
      <c r="BK50" s="270"/>
      <c r="BL50" s="275" t="s">
        <v>522</v>
      </c>
      <c r="BM50" s="275"/>
      <c r="BN50" s="275" t="s">
        <v>524</v>
      </c>
      <c r="BO50" s="276"/>
      <c r="BP50" s="275" t="s">
        <v>522</v>
      </c>
      <c r="BQ50" s="276"/>
      <c r="BR50" s="275" t="s">
        <v>525</v>
      </c>
      <c r="BS50" s="276"/>
      <c r="BT50" s="275" t="s">
        <v>522</v>
      </c>
      <c r="BU50" s="275"/>
      <c r="BV50" s="269" t="s">
        <v>522</v>
      </c>
      <c r="BW50" s="270"/>
      <c r="BX50" s="275" t="s">
        <v>522</v>
      </c>
      <c r="BY50" s="276"/>
      <c r="BZ50" s="275" t="s">
        <v>522</v>
      </c>
      <c r="CA50" s="276"/>
      <c r="CB50" s="275" t="s">
        <v>522</v>
      </c>
      <c r="CC50" s="276"/>
      <c r="CD50" s="275" t="s">
        <v>522</v>
      </c>
      <c r="CE50" s="276"/>
      <c r="CF50" s="275" t="s">
        <v>522</v>
      </c>
      <c r="CG50" s="276"/>
      <c r="CH50" s="275" t="s">
        <v>522</v>
      </c>
      <c r="CI50" s="276"/>
      <c r="CJ50" s="269" t="s">
        <v>525</v>
      </c>
      <c r="CK50" s="270"/>
      <c r="CL50" s="275" t="s">
        <v>525</v>
      </c>
      <c r="CM50" s="276"/>
      <c r="CN50" s="275" t="s">
        <v>522</v>
      </c>
      <c r="CO50" s="276"/>
      <c r="CP50" s="269" t="s">
        <v>522</v>
      </c>
      <c r="CQ50" s="270"/>
      <c r="CR50" s="269" t="s">
        <v>525</v>
      </c>
      <c r="CS50" s="269"/>
      <c r="CT50" s="275" t="s">
        <v>522</v>
      </c>
      <c r="CU50" s="276"/>
      <c r="CV50" s="269" t="s">
        <v>522</v>
      </c>
      <c r="CW50" s="270"/>
      <c r="CX50" s="275" t="s">
        <v>522</v>
      </c>
      <c r="CY50" s="275"/>
      <c r="CZ50" s="269" t="s">
        <v>522</v>
      </c>
      <c r="DA50" s="270"/>
      <c r="DB50" s="271" t="s">
        <v>522</v>
      </c>
      <c r="DC50" s="272"/>
      <c r="DD50" s="275" t="s">
        <v>522</v>
      </c>
      <c r="DE50" s="276"/>
      <c r="DF50" s="275" t="s">
        <v>522</v>
      </c>
      <c r="DG50" s="276"/>
      <c r="DH50" s="269" t="s">
        <v>522</v>
      </c>
      <c r="DI50" s="270"/>
      <c r="DJ50" s="277" t="s">
        <v>522</v>
      </c>
      <c r="DK50" s="278"/>
    </row>
    <row r="51" spans="1:115" ht="10" customHeight="1">
      <c r="A51" s="477"/>
      <c r="B51" s="305"/>
      <c r="C51" s="306"/>
      <c r="D51" s="306"/>
      <c r="E51" s="307"/>
      <c r="F51" s="279"/>
      <c r="G51" s="280"/>
      <c r="H51" s="279"/>
      <c r="I51" s="280"/>
      <c r="J51" s="279"/>
      <c r="K51" s="280"/>
      <c r="L51" s="279"/>
      <c r="M51" s="280"/>
      <c r="N51" s="298"/>
      <c r="O51" s="299"/>
      <c r="P51" s="279"/>
      <c r="Q51" s="280"/>
      <c r="R51" s="279"/>
      <c r="S51" s="280"/>
      <c r="T51" s="295"/>
      <c r="U51" s="296"/>
      <c r="V51" s="279"/>
      <c r="W51" s="280"/>
      <c r="X51" s="279"/>
      <c r="Y51" s="280"/>
      <c r="Z51" s="279"/>
      <c r="AA51" s="280"/>
      <c r="AB51" s="279"/>
      <c r="AC51" s="280"/>
      <c r="AD51" s="298"/>
      <c r="AE51" s="299"/>
      <c r="AF51" s="288"/>
      <c r="AG51" s="289"/>
      <c r="AH51" s="292"/>
      <c r="AI51" s="293"/>
      <c r="AJ51" s="270"/>
      <c r="AK51" s="270"/>
      <c r="AL51" s="276"/>
      <c r="AM51" s="276"/>
      <c r="AN51" s="276"/>
      <c r="AO51" s="276"/>
      <c r="AP51" s="276"/>
      <c r="AQ51" s="276"/>
      <c r="AR51" s="273"/>
      <c r="AS51" s="274"/>
      <c r="AT51" s="270"/>
      <c r="AU51" s="270"/>
      <c r="AV51" s="276"/>
      <c r="AW51" s="276"/>
      <c r="AX51" s="270"/>
      <c r="AY51" s="270"/>
      <c r="AZ51" s="270"/>
      <c r="BA51" s="270"/>
      <c r="BB51" s="276"/>
      <c r="BC51" s="276"/>
      <c r="BD51" s="270"/>
      <c r="BE51" s="270"/>
      <c r="BF51" s="283"/>
      <c r="BG51" s="284"/>
      <c r="BH51" s="276"/>
      <c r="BI51" s="276"/>
      <c r="BJ51" s="270"/>
      <c r="BK51" s="270"/>
      <c r="BL51" s="275"/>
      <c r="BM51" s="275"/>
      <c r="BN51" s="276"/>
      <c r="BO51" s="276"/>
      <c r="BP51" s="276"/>
      <c r="BQ51" s="276"/>
      <c r="BR51" s="276"/>
      <c r="BS51" s="276"/>
      <c r="BT51" s="275"/>
      <c r="BU51" s="275"/>
      <c r="BV51" s="270"/>
      <c r="BW51" s="270"/>
      <c r="BX51" s="276"/>
      <c r="BY51" s="276"/>
      <c r="BZ51" s="276"/>
      <c r="CA51" s="276"/>
      <c r="CB51" s="276"/>
      <c r="CC51" s="276"/>
      <c r="CD51" s="276"/>
      <c r="CE51" s="276"/>
      <c r="CF51" s="276"/>
      <c r="CG51" s="276"/>
      <c r="CH51" s="276"/>
      <c r="CI51" s="276"/>
      <c r="CJ51" s="270"/>
      <c r="CK51" s="270"/>
      <c r="CL51" s="276"/>
      <c r="CM51" s="276"/>
      <c r="CN51" s="276"/>
      <c r="CO51" s="276"/>
      <c r="CP51" s="270"/>
      <c r="CQ51" s="270"/>
      <c r="CR51" s="269"/>
      <c r="CS51" s="269"/>
      <c r="CT51" s="276"/>
      <c r="CU51" s="276"/>
      <c r="CV51" s="270"/>
      <c r="CW51" s="270"/>
      <c r="CX51" s="275"/>
      <c r="CY51" s="275"/>
      <c r="CZ51" s="270"/>
      <c r="DA51" s="270"/>
      <c r="DB51" s="273"/>
      <c r="DC51" s="274"/>
      <c r="DD51" s="276"/>
      <c r="DE51" s="276"/>
      <c r="DF51" s="276"/>
      <c r="DG51" s="276"/>
      <c r="DH51" s="270"/>
      <c r="DI51" s="270"/>
      <c r="DJ51" s="279"/>
      <c r="DK51" s="280"/>
    </row>
    <row r="52" spans="1:115" ht="10" customHeight="1">
      <c r="A52" s="431" t="s">
        <v>526</v>
      </c>
      <c r="B52" s="336" t="s">
        <v>527</v>
      </c>
      <c r="C52" s="400" t="s">
        <v>528</v>
      </c>
      <c r="D52" s="403" t="s">
        <v>587</v>
      </c>
      <c r="E52" s="404"/>
      <c r="F52" s="384">
        <v>80000</v>
      </c>
      <c r="G52" s="385"/>
      <c r="H52" s="390">
        <v>102000</v>
      </c>
      <c r="I52" s="391"/>
      <c r="J52" s="384"/>
      <c r="K52" s="384"/>
      <c r="L52" s="384">
        <v>88000</v>
      </c>
      <c r="M52" s="384"/>
      <c r="N52" s="382">
        <v>132000</v>
      </c>
      <c r="O52" s="383"/>
      <c r="P52" s="384">
        <v>103000</v>
      </c>
      <c r="Q52" s="428"/>
      <c r="R52" s="384">
        <v>100000</v>
      </c>
      <c r="S52" s="385"/>
      <c r="T52" s="429">
        <v>198000</v>
      </c>
      <c r="U52" s="430"/>
      <c r="V52" s="384">
        <v>104700</v>
      </c>
      <c r="W52" s="385"/>
      <c r="X52" s="384"/>
      <c r="Y52" s="385"/>
      <c r="Z52" s="384"/>
      <c r="AA52" s="385"/>
      <c r="AB52" s="384">
        <v>100000</v>
      </c>
      <c r="AC52" s="385"/>
      <c r="AD52" s="382">
        <v>110000</v>
      </c>
      <c r="AE52" s="383"/>
      <c r="AF52" s="397">
        <v>130000</v>
      </c>
      <c r="AG52" s="398"/>
      <c r="AH52" s="382">
        <v>110000</v>
      </c>
      <c r="AI52" s="382"/>
      <c r="AJ52" s="382">
        <v>200000</v>
      </c>
      <c r="AK52" s="382"/>
      <c r="AL52" s="384">
        <v>180000</v>
      </c>
      <c r="AM52" s="384"/>
      <c r="AN52" s="384">
        <v>100000</v>
      </c>
      <c r="AO52" s="384"/>
      <c r="AP52" s="382">
        <v>140000</v>
      </c>
      <c r="AQ52" s="382"/>
      <c r="AR52" s="390">
        <v>110000</v>
      </c>
      <c r="AS52" s="391"/>
      <c r="AT52" s="384">
        <v>135000</v>
      </c>
      <c r="AU52" s="384"/>
      <c r="AV52" s="384">
        <v>163000</v>
      </c>
      <c r="AW52" s="384"/>
      <c r="AX52" s="382">
        <v>100000</v>
      </c>
      <c r="AY52" s="382"/>
      <c r="AZ52" s="427">
        <v>120000</v>
      </c>
      <c r="BA52" s="427"/>
      <c r="BB52" s="384">
        <v>130000</v>
      </c>
      <c r="BC52" s="384"/>
      <c r="BD52" s="382"/>
      <c r="BE52" s="382"/>
      <c r="BF52" s="390">
        <v>140000</v>
      </c>
      <c r="BG52" s="391"/>
      <c r="BH52" s="384"/>
      <c r="BI52" s="385"/>
      <c r="BJ52" s="382"/>
      <c r="BK52" s="382"/>
      <c r="BL52" s="384">
        <v>260000</v>
      </c>
      <c r="BM52" s="385"/>
      <c r="BN52" s="384">
        <v>120000</v>
      </c>
      <c r="BO52" s="385"/>
      <c r="BP52" s="384"/>
      <c r="BQ52" s="384"/>
      <c r="BR52" s="384">
        <v>116000</v>
      </c>
      <c r="BS52" s="384"/>
      <c r="BT52" s="384">
        <v>186000</v>
      </c>
      <c r="BU52" s="384"/>
      <c r="BV52" s="382"/>
      <c r="BW52" s="383"/>
      <c r="BX52" s="384">
        <v>150000</v>
      </c>
      <c r="BY52" s="385"/>
      <c r="BZ52" s="384">
        <v>100000</v>
      </c>
      <c r="CA52" s="385"/>
      <c r="CB52" s="384">
        <v>161000</v>
      </c>
      <c r="CC52" s="385"/>
      <c r="CD52" s="425">
        <v>110000</v>
      </c>
      <c r="CE52" s="426"/>
      <c r="CF52" s="384">
        <v>150000</v>
      </c>
      <c r="CG52" s="384"/>
      <c r="CH52" s="384">
        <v>40000</v>
      </c>
      <c r="CI52" s="385"/>
      <c r="CJ52" s="392"/>
      <c r="CK52" s="393"/>
      <c r="CL52" s="384"/>
      <c r="CM52" s="385"/>
      <c r="CN52" s="384">
        <v>110000</v>
      </c>
      <c r="CO52" s="384"/>
      <c r="CP52" s="382">
        <v>150000</v>
      </c>
      <c r="CQ52" s="382"/>
      <c r="CR52" s="390">
        <v>100000</v>
      </c>
      <c r="CS52" s="391"/>
      <c r="CT52" s="384">
        <v>100000</v>
      </c>
      <c r="CU52" s="384"/>
      <c r="CV52" s="382">
        <v>143000</v>
      </c>
      <c r="CW52" s="382"/>
      <c r="CX52" s="384">
        <v>181500</v>
      </c>
      <c r="CY52" s="384"/>
      <c r="CZ52" s="382">
        <v>300000</v>
      </c>
      <c r="DA52" s="382"/>
      <c r="DB52" s="390">
        <v>250000</v>
      </c>
      <c r="DC52" s="391"/>
      <c r="DD52" s="384"/>
      <c r="DE52" s="385"/>
      <c r="DF52" s="384">
        <v>198000</v>
      </c>
      <c r="DG52" s="385"/>
      <c r="DH52" s="384">
        <v>100000</v>
      </c>
      <c r="DI52" s="384"/>
      <c r="DJ52" s="390">
        <v>71000</v>
      </c>
      <c r="DK52" s="391"/>
    </row>
    <row r="53" spans="1:115" ht="10" customHeight="1">
      <c r="A53" s="431"/>
      <c r="B53" s="337"/>
      <c r="C53" s="401"/>
      <c r="D53" s="377" t="s">
        <v>590</v>
      </c>
      <c r="E53" s="325"/>
      <c r="F53" s="363">
        <v>100000</v>
      </c>
      <c r="G53" s="364"/>
      <c r="H53" s="378">
        <v>224000</v>
      </c>
      <c r="I53" s="379"/>
      <c r="J53" s="363"/>
      <c r="K53" s="363"/>
      <c r="L53" s="363">
        <v>176000</v>
      </c>
      <c r="M53" s="364"/>
      <c r="N53" s="369">
        <v>264000</v>
      </c>
      <c r="O53" s="370"/>
      <c r="P53" s="363">
        <v>212000</v>
      </c>
      <c r="Q53" s="364"/>
      <c r="R53" s="363">
        <v>200000</v>
      </c>
      <c r="S53" s="364"/>
      <c r="T53" s="421">
        <v>319000</v>
      </c>
      <c r="U53" s="422"/>
      <c r="V53" s="363">
        <v>230300</v>
      </c>
      <c r="W53" s="364"/>
      <c r="X53" s="363"/>
      <c r="Y53" s="364"/>
      <c r="Z53" s="363"/>
      <c r="AA53" s="364"/>
      <c r="AB53" s="363">
        <v>220000</v>
      </c>
      <c r="AC53" s="364"/>
      <c r="AD53" s="369">
        <v>220000</v>
      </c>
      <c r="AE53" s="370"/>
      <c r="AF53" s="380">
        <v>190000</v>
      </c>
      <c r="AG53" s="381"/>
      <c r="AH53" s="369">
        <v>176000</v>
      </c>
      <c r="AI53" s="370"/>
      <c r="AJ53" s="369">
        <v>200000</v>
      </c>
      <c r="AK53" s="370"/>
      <c r="AL53" s="363">
        <v>190000</v>
      </c>
      <c r="AM53" s="363"/>
      <c r="AN53" s="363">
        <v>180000</v>
      </c>
      <c r="AO53" s="363"/>
      <c r="AP53" s="369">
        <v>230000</v>
      </c>
      <c r="AQ53" s="369"/>
      <c r="AR53" s="378">
        <v>220000</v>
      </c>
      <c r="AS53" s="379"/>
      <c r="AT53" s="363">
        <v>280000</v>
      </c>
      <c r="AU53" s="364"/>
      <c r="AV53" s="363">
        <v>350000</v>
      </c>
      <c r="AW53" s="363"/>
      <c r="AX53" s="369">
        <v>150000</v>
      </c>
      <c r="AY53" s="370"/>
      <c r="AZ53" s="424">
        <v>210000</v>
      </c>
      <c r="BA53" s="424"/>
      <c r="BB53" s="363">
        <v>350000</v>
      </c>
      <c r="BC53" s="364"/>
      <c r="BD53" s="369"/>
      <c r="BE53" s="369"/>
      <c r="BF53" s="378">
        <v>250000</v>
      </c>
      <c r="BG53" s="379"/>
      <c r="BH53" s="363"/>
      <c r="BI53" s="364"/>
      <c r="BJ53" s="369"/>
      <c r="BK53" s="370"/>
      <c r="BL53" s="363">
        <v>340000</v>
      </c>
      <c r="BM53" s="364"/>
      <c r="BN53" s="363">
        <v>180000</v>
      </c>
      <c r="BO53" s="364"/>
      <c r="BP53" s="363"/>
      <c r="BQ53" s="363"/>
      <c r="BR53" s="363">
        <v>216000</v>
      </c>
      <c r="BS53" s="363"/>
      <c r="BT53" s="363">
        <v>380000</v>
      </c>
      <c r="BU53" s="364"/>
      <c r="BV53" s="369"/>
      <c r="BW53" s="370"/>
      <c r="BX53" s="363">
        <v>200000</v>
      </c>
      <c r="BY53" s="364"/>
      <c r="BZ53" s="363">
        <v>200000</v>
      </c>
      <c r="CA53" s="364"/>
      <c r="CB53" s="363">
        <v>219000</v>
      </c>
      <c r="CC53" s="364"/>
      <c r="CD53" s="416">
        <v>220000</v>
      </c>
      <c r="CE53" s="417"/>
      <c r="CF53" s="363">
        <v>350000</v>
      </c>
      <c r="CG53" s="364"/>
      <c r="CH53" s="363">
        <v>85000</v>
      </c>
      <c r="CI53" s="364"/>
      <c r="CJ53" s="366"/>
      <c r="CK53" s="367"/>
      <c r="CL53" s="363"/>
      <c r="CM53" s="364"/>
      <c r="CN53" s="363">
        <v>220000</v>
      </c>
      <c r="CO53" s="363"/>
      <c r="CP53" s="369">
        <v>200000</v>
      </c>
      <c r="CQ53" s="369"/>
      <c r="CR53" s="378">
        <v>210000</v>
      </c>
      <c r="CS53" s="379"/>
      <c r="CT53" s="363">
        <v>210000</v>
      </c>
      <c r="CU53" s="363"/>
      <c r="CV53" s="369">
        <v>275000</v>
      </c>
      <c r="CW53" s="369"/>
      <c r="CX53" s="363">
        <v>440000</v>
      </c>
      <c r="CY53" s="364"/>
      <c r="CZ53" s="369">
        <v>380000</v>
      </c>
      <c r="DA53" s="369"/>
      <c r="DB53" s="378">
        <v>370000</v>
      </c>
      <c r="DC53" s="379"/>
      <c r="DD53" s="363"/>
      <c r="DE53" s="364"/>
      <c r="DF53" s="363">
        <v>198000</v>
      </c>
      <c r="DG53" s="364"/>
      <c r="DH53" s="363">
        <v>210000</v>
      </c>
      <c r="DI53" s="364"/>
      <c r="DJ53" s="378">
        <v>190000</v>
      </c>
      <c r="DK53" s="379"/>
    </row>
    <row r="54" spans="1:115" ht="10" customHeight="1">
      <c r="A54" s="431"/>
      <c r="B54" s="337"/>
      <c r="C54" s="401"/>
      <c r="D54" s="377" t="s">
        <v>589</v>
      </c>
      <c r="E54" s="325"/>
      <c r="F54" s="363">
        <v>500000</v>
      </c>
      <c r="G54" s="364"/>
      <c r="H54" s="378">
        <v>428000</v>
      </c>
      <c r="I54" s="379"/>
      <c r="J54" s="363"/>
      <c r="K54" s="363"/>
      <c r="L54" s="363">
        <v>319000</v>
      </c>
      <c r="M54" s="363"/>
      <c r="N54" s="369">
        <v>462000</v>
      </c>
      <c r="O54" s="370"/>
      <c r="P54" s="363">
        <v>401000</v>
      </c>
      <c r="Q54" s="364"/>
      <c r="R54" s="363">
        <v>420000</v>
      </c>
      <c r="S54" s="364"/>
      <c r="T54" s="421">
        <v>561000</v>
      </c>
      <c r="U54" s="422"/>
      <c r="V54" s="363">
        <v>502800</v>
      </c>
      <c r="W54" s="364"/>
      <c r="X54" s="363"/>
      <c r="Y54" s="364"/>
      <c r="Z54" s="363"/>
      <c r="AA54" s="364"/>
      <c r="AB54" s="363">
        <v>360000</v>
      </c>
      <c r="AC54" s="364"/>
      <c r="AD54" s="369">
        <v>440000</v>
      </c>
      <c r="AE54" s="370"/>
      <c r="AF54" s="380">
        <v>360000</v>
      </c>
      <c r="AG54" s="381"/>
      <c r="AH54" s="369">
        <v>418000</v>
      </c>
      <c r="AI54" s="370"/>
      <c r="AJ54" s="369">
        <v>450000</v>
      </c>
      <c r="AK54" s="370"/>
      <c r="AL54" s="363">
        <v>390000</v>
      </c>
      <c r="AM54" s="363"/>
      <c r="AN54" s="363">
        <v>500000</v>
      </c>
      <c r="AO54" s="363"/>
      <c r="AP54" s="369">
        <v>480000</v>
      </c>
      <c r="AQ54" s="369"/>
      <c r="AR54" s="378">
        <v>450000</v>
      </c>
      <c r="AS54" s="379"/>
      <c r="AT54" s="363">
        <v>560000</v>
      </c>
      <c r="AU54" s="364"/>
      <c r="AV54" s="363">
        <v>738000</v>
      </c>
      <c r="AW54" s="363"/>
      <c r="AX54" s="369">
        <v>200000</v>
      </c>
      <c r="AY54" s="370"/>
      <c r="AZ54" s="424">
        <v>420000</v>
      </c>
      <c r="BA54" s="424"/>
      <c r="BB54" s="363">
        <v>600000</v>
      </c>
      <c r="BC54" s="364"/>
      <c r="BD54" s="369"/>
      <c r="BE54" s="369"/>
      <c r="BF54" s="378">
        <v>400000</v>
      </c>
      <c r="BG54" s="379"/>
      <c r="BH54" s="363"/>
      <c r="BI54" s="364"/>
      <c r="BJ54" s="369"/>
      <c r="BK54" s="370"/>
      <c r="BL54" s="363">
        <v>770000</v>
      </c>
      <c r="BM54" s="364"/>
      <c r="BN54" s="363">
        <v>240000</v>
      </c>
      <c r="BO54" s="364"/>
      <c r="BP54" s="363"/>
      <c r="BQ54" s="363"/>
      <c r="BR54" s="363">
        <v>432000</v>
      </c>
      <c r="BS54" s="363"/>
      <c r="BT54" s="363">
        <v>980000</v>
      </c>
      <c r="BU54" s="364"/>
      <c r="BV54" s="369"/>
      <c r="BW54" s="370"/>
      <c r="BX54" s="363">
        <v>350000</v>
      </c>
      <c r="BY54" s="364"/>
      <c r="BZ54" s="363">
        <v>350000</v>
      </c>
      <c r="CA54" s="364"/>
      <c r="CB54" s="363">
        <v>447000</v>
      </c>
      <c r="CC54" s="364"/>
      <c r="CD54" s="416">
        <v>418000</v>
      </c>
      <c r="CE54" s="417"/>
      <c r="CF54" s="363">
        <v>540000</v>
      </c>
      <c r="CG54" s="364"/>
      <c r="CH54" s="363">
        <v>157000</v>
      </c>
      <c r="CI54" s="364"/>
      <c r="CJ54" s="366"/>
      <c r="CK54" s="367"/>
      <c r="CL54" s="363"/>
      <c r="CM54" s="364"/>
      <c r="CN54" s="363">
        <v>440000</v>
      </c>
      <c r="CO54" s="363"/>
      <c r="CP54" s="369">
        <v>450000</v>
      </c>
      <c r="CQ54" s="369"/>
      <c r="CR54" s="378">
        <v>550000</v>
      </c>
      <c r="CS54" s="379"/>
      <c r="CT54" s="363">
        <v>550000</v>
      </c>
      <c r="CU54" s="363"/>
      <c r="CV54" s="369">
        <v>649000</v>
      </c>
      <c r="CW54" s="369"/>
      <c r="CX54" s="363">
        <v>748000</v>
      </c>
      <c r="CY54" s="364"/>
      <c r="CZ54" s="369">
        <v>1000000</v>
      </c>
      <c r="DA54" s="369"/>
      <c r="DB54" s="378">
        <v>900000</v>
      </c>
      <c r="DC54" s="379"/>
      <c r="DD54" s="363"/>
      <c r="DE54" s="364"/>
      <c r="DF54" s="363">
        <v>891000</v>
      </c>
      <c r="DG54" s="364"/>
      <c r="DH54" s="363">
        <v>400000</v>
      </c>
      <c r="DI54" s="364"/>
      <c r="DJ54" s="378">
        <v>317000</v>
      </c>
      <c r="DK54" s="379"/>
    </row>
    <row r="55" spans="1:115" ht="10" customHeight="1">
      <c r="A55" s="431"/>
      <c r="B55" s="337"/>
      <c r="C55" s="401"/>
      <c r="D55" s="377" t="s">
        <v>591</v>
      </c>
      <c r="E55" s="325"/>
      <c r="F55" s="315" t="s">
        <v>520</v>
      </c>
      <c r="G55" s="368"/>
      <c r="H55" s="378">
        <v>694000</v>
      </c>
      <c r="I55" s="379"/>
      <c r="J55" s="363"/>
      <c r="K55" s="363"/>
      <c r="L55" s="363">
        <v>506000</v>
      </c>
      <c r="M55" s="364"/>
      <c r="N55" s="316" t="s">
        <v>520</v>
      </c>
      <c r="O55" s="375"/>
      <c r="P55" s="363">
        <v>648000</v>
      </c>
      <c r="Q55" s="364"/>
      <c r="R55" s="363">
        <v>720000</v>
      </c>
      <c r="S55" s="364"/>
      <c r="T55" s="421">
        <v>1034000</v>
      </c>
      <c r="U55" s="422"/>
      <c r="V55" s="315" t="s">
        <v>520</v>
      </c>
      <c r="W55" s="368"/>
      <c r="X55" s="363"/>
      <c r="Y55" s="364"/>
      <c r="Z55" s="363"/>
      <c r="AA55" s="364"/>
      <c r="AB55" s="363">
        <v>540000</v>
      </c>
      <c r="AC55" s="364"/>
      <c r="AD55" s="316" t="s">
        <v>520</v>
      </c>
      <c r="AE55" s="375"/>
      <c r="AF55" s="380">
        <v>530000</v>
      </c>
      <c r="AG55" s="381"/>
      <c r="AH55" s="369">
        <v>814000</v>
      </c>
      <c r="AI55" s="370"/>
      <c r="AJ55" s="369">
        <v>700000</v>
      </c>
      <c r="AK55" s="370"/>
      <c r="AL55" s="363">
        <v>570000</v>
      </c>
      <c r="AM55" s="363"/>
      <c r="AN55" s="315" t="s">
        <v>617</v>
      </c>
      <c r="AO55" s="368"/>
      <c r="AP55" s="316" t="s">
        <v>520</v>
      </c>
      <c r="AQ55" s="375"/>
      <c r="AR55" s="378">
        <v>700000</v>
      </c>
      <c r="AS55" s="379"/>
      <c r="AT55" s="363">
        <v>950000</v>
      </c>
      <c r="AU55" s="364"/>
      <c r="AV55" s="363">
        <v>1213000</v>
      </c>
      <c r="AW55" s="363"/>
      <c r="AX55" s="316" t="s">
        <v>520</v>
      </c>
      <c r="AY55" s="375"/>
      <c r="AZ55" s="424">
        <v>720000</v>
      </c>
      <c r="BA55" s="424"/>
      <c r="BB55" s="363">
        <v>930000</v>
      </c>
      <c r="BC55" s="364"/>
      <c r="BD55" s="369"/>
      <c r="BE55" s="369"/>
      <c r="BF55" s="378">
        <v>750000</v>
      </c>
      <c r="BG55" s="379"/>
      <c r="BH55" s="363"/>
      <c r="BI55" s="364"/>
      <c r="BJ55" s="369"/>
      <c r="BK55" s="370"/>
      <c r="BL55" s="363">
        <v>1200000</v>
      </c>
      <c r="BM55" s="364"/>
      <c r="BN55" s="363">
        <v>480000</v>
      </c>
      <c r="BO55" s="364"/>
      <c r="BP55" s="363"/>
      <c r="BQ55" s="363"/>
      <c r="BR55" s="363">
        <v>792000</v>
      </c>
      <c r="BS55" s="363"/>
      <c r="BT55" s="363">
        <v>1523000</v>
      </c>
      <c r="BU55" s="364"/>
      <c r="BV55" s="369"/>
      <c r="BW55" s="370"/>
      <c r="BX55" s="363">
        <v>600000</v>
      </c>
      <c r="BY55" s="364"/>
      <c r="BZ55" s="315" t="s">
        <v>520</v>
      </c>
      <c r="CA55" s="368"/>
      <c r="CB55" s="363">
        <v>771000</v>
      </c>
      <c r="CC55" s="364"/>
      <c r="CD55" s="416">
        <v>660000</v>
      </c>
      <c r="CE55" s="417"/>
      <c r="CF55" s="363">
        <v>790000</v>
      </c>
      <c r="CG55" s="364"/>
      <c r="CH55" s="363">
        <v>297500</v>
      </c>
      <c r="CI55" s="364"/>
      <c r="CJ55" s="366"/>
      <c r="CK55" s="367"/>
      <c r="CL55" s="363"/>
      <c r="CM55" s="364"/>
      <c r="CN55" s="315" t="s">
        <v>520</v>
      </c>
      <c r="CO55" s="368"/>
      <c r="CP55" s="369">
        <v>1050000</v>
      </c>
      <c r="CQ55" s="369"/>
      <c r="CR55" s="378">
        <v>900000</v>
      </c>
      <c r="CS55" s="379"/>
      <c r="CT55" s="363">
        <v>900000</v>
      </c>
      <c r="CU55" s="363"/>
      <c r="CV55" s="369">
        <v>1034000</v>
      </c>
      <c r="CW55" s="369"/>
      <c r="CX55" s="363">
        <v>1193500</v>
      </c>
      <c r="CY55" s="364"/>
      <c r="CZ55" s="369">
        <v>1500000</v>
      </c>
      <c r="DA55" s="369"/>
      <c r="DB55" s="378">
        <v>1800000</v>
      </c>
      <c r="DC55" s="379"/>
      <c r="DD55" s="363"/>
      <c r="DE55" s="364"/>
      <c r="DF55" s="363">
        <v>1353000</v>
      </c>
      <c r="DG55" s="364"/>
      <c r="DH55" s="315" t="s">
        <v>617</v>
      </c>
      <c r="DI55" s="368"/>
      <c r="DJ55" s="378">
        <v>1020000</v>
      </c>
      <c r="DK55" s="379"/>
    </row>
    <row r="56" spans="1:115" ht="10" customHeight="1">
      <c r="A56" s="431"/>
      <c r="B56" s="337"/>
      <c r="C56" s="401"/>
      <c r="D56" s="377" t="s">
        <v>592</v>
      </c>
      <c r="E56" s="325"/>
      <c r="F56" s="363">
        <v>1230000</v>
      </c>
      <c r="G56" s="364"/>
      <c r="H56" s="378">
        <v>1522000</v>
      </c>
      <c r="I56" s="379"/>
      <c r="J56" s="363"/>
      <c r="K56" s="363"/>
      <c r="L56" s="363">
        <v>1078000</v>
      </c>
      <c r="M56" s="364"/>
      <c r="N56" s="369">
        <v>1452000</v>
      </c>
      <c r="O56" s="370"/>
      <c r="P56" s="363">
        <v>1180000</v>
      </c>
      <c r="Q56" s="364"/>
      <c r="R56" s="363">
        <v>1300000</v>
      </c>
      <c r="S56" s="364"/>
      <c r="T56" s="421">
        <v>2222000</v>
      </c>
      <c r="U56" s="422"/>
      <c r="V56" s="363">
        <v>1540000</v>
      </c>
      <c r="W56" s="364"/>
      <c r="X56" s="363"/>
      <c r="Y56" s="364"/>
      <c r="Z56" s="363"/>
      <c r="AA56" s="364"/>
      <c r="AB56" s="363">
        <v>1020000</v>
      </c>
      <c r="AC56" s="364"/>
      <c r="AD56" s="369">
        <v>1320000</v>
      </c>
      <c r="AE56" s="370"/>
      <c r="AF56" s="380">
        <v>1270000</v>
      </c>
      <c r="AG56" s="381"/>
      <c r="AH56" s="369">
        <v>1474000</v>
      </c>
      <c r="AI56" s="370"/>
      <c r="AJ56" s="369">
        <v>1400000</v>
      </c>
      <c r="AK56" s="370"/>
      <c r="AL56" s="363">
        <v>1060000</v>
      </c>
      <c r="AM56" s="363"/>
      <c r="AN56" s="363">
        <v>1200000</v>
      </c>
      <c r="AO56" s="363"/>
      <c r="AP56" s="369">
        <v>1590000</v>
      </c>
      <c r="AQ56" s="369"/>
      <c r="AR56" s="378">
        <v>1500000</v>
      </c>
      <c r="AS56" s="379"/>
      <c r="AT56" s="363">
        <v>1800000</v>
      </c>
      <c r="AU56" s="364"/>
      <c r="AV56" s="363">
        <v>2213000</v>
      </c>
      <c r="AW56" s="363"/>
      <c r="AX56" s="369">
        <v>1000000</v>
      </c>
      <c r="AY56" s="370"/>
      <c r="AZ56" s="424">
        <v>1460000</v>
      </c>
      <c r="BA56" s="424"/>
      <c r="BB56" s="363">
        <v>1880000</v>
      </c>
      <c r="BC56" s="364"/>
      <c r="BD56" s="369"/>
      <c r="BE56" s="369"/>
      <c r="BF56" s="378">
        <v>1430000</v>
      </c>
      <c r="BG56" s="379"/>
      <c r="BH56" s="363"/>
      <c r="BI56" s="364"/>
      <c r="BJ56" s="369"/>
      <c r="BK56" s="370"/>
      <c r="BL56" s="363">
        <v>2300000</v>
      </c>
      <c r="BM56" s="364"/>
      <c r="BN56" s="363">
        <v>720000</v>
      </c>
      <c r="BO56" s="364"/>
      <c r="BP56" s="363"/>
      <c r="BQ56" s="363"/>
      <c r="BR56" s="363">
        <v>1440000</v>
      </c>
      <c r="BS56" s="363"/>
      <c r="BT56" s="363">
        <v>3238000</v>
      </c>
      <c r="BU56" s="364"/>
      <c r="BV56" s="369"/>
      <c r="BW56" s="370"/>
      <c r="BX56" s="363">
        <v>1200000</v>
      </c>
      <c r="BY56" s="364"/>
      <c r="BZ56" s="363">
        <v>1200000</v>
      </c>
      <c r="CA56" s="364"/>
      <c r="CB56" s="363">
        <v>1085000</v>
      </c>
      <c r="CC56" s="364"/>
      <c r="CD56" s="416">
        <v>1430000</v>
      </c>
      <c r="CE56" s="417"/>
      <c r="CF56" s="363">
        <v>1400000</v>
      </c>
      <c r="CG56" s="364"/>
      <c r="CH56" s="363">
        <v>573500</v>
      </c>
      <c r="CI56" s="364"/>
      <c r="CJ56" s="366"/>
      <c r="CK56" s="367"/>
      <c r="CL56" s="363"/>
      <c r="CM56" s="364"/>
      <c r="CN56" s="363">
        <v>1540000</v>
      </c>
      <c r="CO56" s="363"/>
      <c r="CP56" s="369">
        <v>2100000</v>
      </c>
      <c r="CQ56" s="369"/>
      <c r="CR56" s="378">
        <v>1920000</v>
      </c>
      <c r="CS56" s="379"/>
      <c r="CT56" s="363">
        <v>1920000</v>
      </c>
      <c r="CU56" s="363"/>
      <c r="CV56" s="369">
        <v>2024000</v>
      </c>
      <c r="CW56" s="369"/>
      <c r="CX56" s="363">
        <v>2271500</v>
      </c>
      <c r="CY56" s="364"/>
      <c r="CZ56" s="369">
        <v>3300000</v>
      </c>
      <c r="DA56" s="369"/>
      <c r="DB56" s="378">
        <v>3600000</v>
      </c>
      <c r="DC56" s="379"/>
      <c r="DD56" s="363"/>
      <c r="DE56" s="364"/>
      <c r="DF56" s="363">
        <v>2673000</v>
      </c>
      <c r="DG56" s="364"/>
      <c r="DH56" s="363">
        <v>1300000</v>
      </c>
      <c r="DI56" s="364"/>
      <c r="DJ56" s="378">
        <v>1020000</v>
      </c>
      <c r="DK56" s="379"/>
    </row>
    <row r="57" spans="1:115" ht="10" customHeight="1">
      <c r="A57" s="431"/>
      <c r="B57" s="337"/>
      <c r="C57" s="401"/>
      <c r="D57" s="377" t="s">
        <v>594</v>
      </c>
      <c r="E57" s="325"/>
      <c r="F57" s="363">
        <v>2220000</v>
      </c>
      <c r="G57" s="364"/>
      <c r="H57" s="378">
        <v>2258000</v>
      </c>
      <c r="I57" s="379"/>
      <c r="J57" s="363"/>
      <c r="K57" s="363"/>
      <c r="L57" s="363">
        <v>1914000</v>
      </c>
      <c r="M57" s="364"/>
      <c r="N57" s="369">
        <v>2442000</v>
      </c>
      <c r="O57" s="370"/>
      <c r="P57" s="363">
        <v>2000000</v>
      </c>
      <c r="Q57" s="364"/>
      <c r="R57" s="363">
        <v>2000000</v>
      </c>
      <c r="S57" s="364"/>
      <c r="T57" s="421">
        <v>3795000</v>
      </c>
      <c r="U57" s="422"/>
      <c r="V57" s="363">
        <v>2750000</v>
      </c>
      <c r="W57" s="364"/>
      <c r="X57" s="363"/>
      <c r="Y57" s="364"/>
      <c r="Z57" s="363"/>
      <c r="AA57" s="364"/>
      <c r="AB57" s="363">
        <v>1830000</v>
      </c>
      <c r="AC57" s="364"/>
      <c r="AD57" s="369">
        <v>2530000</v>
      </c>
      <c r="AE57" s="370"/>
      <c r="AF57" s="380">
        <v>2520000</v>
      </c>
      <c r="AG57" s="381"/>
      <c r="AH57" s="369">
        <v>2266000</v>
      </c>
      <c r="AI57" s="370"/>
      <c r="AJ57" s="369">
        <v>2400000</v>
      </c>
      <c r="AK57" s="370"/>
      <c r="AL57" s="363">
        <v>1750000</v>
      </c>
      <c r="AM57" s="363"/>
      <c r="AN57" s="363">
        <v>2000000</v>
      </c>
      <c r="AO57" s="363"/>
      <c r="AP57" s="369">
        <v>2690000</v>
      </c>
      <c r="AQ57" s="369"/>
      <c r="AR57" s="378">
        <v>2300000</v>
      </c>
      <c r="AS57" s="379"/>
      <c r="AT57" s="363">
        <v>3100000</v>
      </c>
      <c r="AU57" s="364"/>
      <c r="AV57" s="363">
        <v>3938000</v>
      </c>
      <c r="AW57" s="363"/>
      <c r="AX57" s="369">
        <v>2000000</v>
      </c>
      <c r="AY57" s="370"/>
      <c r="AZ57" s="424">
        <v>2910000</v>
      </c>
      <c r="BA57" s="424"/>
      <c r="BB57" s="363">
        <v>3220000</v>
      </c>
      <c r="BC57" s="364"/>
      <c r="BD57" s="369"/>
      <c r="BE57" s="369"/>
      <c r="BF57" s="378">
        <v>2450000</v>
      </c>
      <c r="BG57" s="379"/>
      <c r="BH57" s="363"/>
      <c r="BI57" s="364"/>
      <c r="BJ57" s="369"/>
      <c r="BK57" s="370"/>
      <c r="BL57" s="363">
        <v>4000000</v>
      </c>
      <c r="BM57" s="364"/>
      <c r="BN57" s="363">
        <v>1800000</v>
      </c>
      <c r="BO57" s="364"/>
      <c r="BP57" s="363"/>
      <c r="BQ57" s="363"/>
      <c r="BR57" s="423">
        <v>2160000</v>
      </c>
      <c r="BS57" s="364"/>
      <c r="BT57" s="363">
        <v>6095000</v>
      </c>
      <c r="BU57" s="364"/>
      <c r="BV57" s="369"/>
      <c r="BW57" s="370"/>
      <c r="BX57" s="363">
        <v>1800000</v>
      </c>
      <c r="BY57" s="364"/>
      <c r="BZ57" s="363">
        <v>2000000</v>
      </c>
      <c r="CA57" s="364"/>
      <c r="CB57" s="363">
        <v>2723000</v>
      </c>
      <c r="CC57" s="364"/>
      <c r="CD57" s="416">
        <v>2200000</v>
      </c>
      <c r="CE57" s="417"/>
      <c r="CF57" s="363">
        <v>2100000</v>
      </c>
      <c r="CG57" s="364"/>
      <c r="CH57" s="363">
        <v>850000</v>
      </c>
      <c r="CI57" s="364"/>
      <c r="CJ57" s="366"/>
      <c r="CK57" s="367"/>
      <c r="CL57" s="363"/>
      <c r="CM57" s="364"/>
      <c r="CN57" s="363">
        <v>2200000</v>
      </c>
      <c r="CO57" s="363"/>
      <c r="CP57" s="369">
        <v>3600000</v>
      </c>
      <c r="CQ57" s="369"/>
      <c r="CR57" s="378">
        <v>3450000</v>
      </c>
      <c r="CS57" s="379"/>
      <c r="CT57" s="363">
        <v>3450000</v>
      </c>
      <c r="CU57" s="363"/>
      <c r="CV57" s="369">
        <v>3300000</v>
      </c>
      <c r="CW57" s="369"/>
      <c r="CX57" s="363">
        <v>3630000</v>
      </c>
      <c r="CY57" s="364"/>
      <c r="CZ57" s="369">
        <v>6000000</v>
      </c>
      <c r="DA57" s="369"/>
      <c r="DB57" s="378">
        <v>5760000</v>
      </c>
      <c r="DC57" s="379"/>
      <c r="DD57" s="363"/>
      <c r="DE57" s="364"/>
      <c r="DF57" s="363">
        <v>4103000</v>
      </c>
      <c r="DG57" s="364"/>
      <c r="DH57" s="363">
        <v>2000000</v>
      </c>
      <c r="DI57" s="364"/>
      <c r="DJ57" s="378">
        <v>1520000</v>
      </c>
      <c r="DK57" s="379"/>
    </row>
    <row r="58" spans="1:115" ht="10" customHeight="1">
      <c r="A58" s="431"/>
      <c r="B58" s="337"/>
      <c r="C58" s="401"/>
      <c r="D58" s="377" t="s">
        <v>596</v>
      </c>
      <c r="E58" s="325"/>
      <c r="F58" s="363">
        <v>6190000</v>
      </c>
      <c r="G58" s="364"/>
      <c r="H58" s="378">
        <v>5650000</v>
      </c>
      <c r="I58" s="379"/>
      <c r="J58" s="363"/>
      <c r="K58" s="363"/>
      <c r="L58" s="363">
        <v>4301000</v>
      </c>
      <c r="M58" s="364"/>
      <c r="N58" s="369">
        <v>6600000</v>
      </c>
      <c r="O58" s="370"/>
      <c r="P58" s="363">
        <v>5800000</v>
      </c>
      <c r="Q58" s="364"/>
      <c r="R58" s="363">
        <v>5000000</v>
      </c>
      <c r="S58" s="364"/>
      <c r="T58" s="421">
        <v>10230000</v>
      </c>
      <c r="U58" s="422"/>
      <c r="V58" s="363">
        <v>6930000</v>
      </c>
      <c r="W58" s="364"/>
      <c r="X58" s="363"/>
      <c r="Y58" s="364"/>
      <c r="Z58" s="363"/>
      <c r="AA58" s="364"/>
      <c r="AB58" s="363">
        <v>4780000</v>
      </c>
      <c r="AC58" s="364"/>
      <c r="AD58" s="369">
        <v>6380000</v>
      </c>
      <c r="AE58" s="370"/>
      <c r="AF58" s="380">
        <v>5050000</v>
      </c>
      <c r="AG58" s="381"/>
      <c r="AH58" s="369">
        <v>5500000</v>
      </c>
      <c r="AI58" s="370"/>
      <c r="AJ58" s="369">
        <v>6700000</v>
      </c>
      <c r="AK58" s="370"/>
      <c r="AL58" s="363">
        <v>4070000</v>
      </c>
      <c r="AM58" s="363"/>
      <c r="AN58" s="363">
        <v>6000000</v>
      </c>
      <c r="AO58" s="363"/>
      <c r="AP58" s="369">
        <v>7020000</v>
      </c>
      <c r="AQ58" s="369"/>
      <c r="AR58" s="378">
        <v>5800000</v>
      </c>
      <c r="AS58" s="379"/>
      <c r="AT58" s="363">
        <v>8300000</v>
      </c>
      <c r="AU58" s="364"/>
      <c r="AV58" s="363">
        <v>9100000</v>
      </c>
      <c r="AW58" s="363"/>
      <c r="AX58" s="369">
        <v>4000000</v>
      </c>
      <c r="AY58" s="370"/>
      <c r="AZ58" s="424">
        <v>8240000</v>
      </c>
      <c r="BA58" s="424"/>
      <c r="BB58" s="363">
        <v>8690000</v>
      </c>
      <c r="BC58" s="364"/>
      <c r="BD58" s="369"/>
      <c r="BE58" s="369"/>
      <c r="BF58" s="378">
        <v>7100000</v>
      </c>
      <c r="BG58" s="379"/>
      <c r="BH58" s="363"/>
      <c r="BI58" s="364"/>
      <c r="BJ58" s="369"/>
      <c r="BK58" s="370"/>
      <c r="BL58" s="363">
        <v>11000000</v>
      </c>
      <c r="BM58" s="364"/>
      <c r="BN58" s="416">
        <v>5400000</v>
      </c>
      <c r="BO58" s="417"/>
      <c r="BP58" s="363"/>
      <c r="BQ58" s="363"/>
      <c r="BR58" s="363">
        <v>4320000</v>
      </c>
      <c r="BS58" s="363"/>
      <c r="BT58" s="363">
        <v>17142000</v>
      </c>
      <c r="BU58" s="364"/>
      <c r="BV58" s="369"/>
      <c r="BW58" s="370"/>
      <c r="BX58" s="363">
        <v>4500000</v>
      </c>
      <c r="BY58" s="364"/>
      <c r="BZ58" s="363">
        <v>5000000</v>
      </c>
      <c r="CA58" s="364"/>
      <c r="CB58" s="363">
        <v>5000000</v>
      </c>
      <c r="CC58" s="364"/>
      <c r="CD58" s="416">
        <v>5280000</v>
      </c>
      <c r="CE58" s="417"/>
      <c r="CF58" s="363">
        <v>5000000</v>
      </c>
      <c r="CG58" s="364"/>
      <c r="CH58" s="363">
        <v>2125000</v>
      </c>
      <c r="CI58" s="364"/>
      <c r="CJ58" s="313"/>
      <c r="CK58" s="314"/>
      <c r="CL58" s="363"/>
      <c r="CM58" s="364"/>
      <c r="CN58" s="363">
        <v>5500000</v>
      </c>
      <c r="CO58" s="364"/>
      <c r="CP58" s="369">
        <v>9900000</v>
      </c>
      <c r="CQ58" s="369"/>
      <c r="CR58" s="313" t="s">
        <v>520</v>
      </c>
      <c r="CS58" s="314"/>
      <c r="CT58" s="315" t="s">
        <v>520</v>
      </c>
      <c r="CU58" s="368"/>
      <c r="CV58" s="316" t="s">
        <v>520</v>
      </c>
      <c r="CW58" s="375"/>
      <c r="CX58" s="315" t="s">
        <v>520</v>
      </c>
      <c r="CY58" s="368"/>
      <c r="CZ58" s="369">
        <v>17000000</v>
      </c>
      <c r="DA58" s="369"/>
      <c r="DB58" s="378">
        <v>16200000</v>
      </c>
      <c r="DC58" s="379"/>
      <c r="DD58" s="363"/>
      <c r="DE58" s="364"/>
      <c r="DF58" s="363">
        <v>9900000</v>
      </c>
      <c r="DG58" s="364"/>
      <c r="DH58" s="363">
        <v>4900000</v>
      </c>
      <c r="DI58" s="364"/>
      <c r="DJ58" s="378">
        <v>4560000</v>
      </c>
      <c r="DK58" s="379"/>
    </row>
    <row r="59" spans="1:115" ht="10" customHeight="1">
      <c r="A59" s="431"/>
      <c r="B59" s="337"/>
      <c r="C59" s="401"/>
      <c r="D59" s="377" t="s">
        <v>598</v>
      </c>
      <c r="E59" s="325"/>
      <c r="F59" s="363">
        <v>10670000</v>
      </c>
      <c r="G59" s="364"/>
      <c r="H59" s="378">
        <v>9636000</v>
      </c>
      <c r="I59" s="379"/>
      <c r="J59" s="363"/>
      <c r="K59" s="363"/>
      <c r="L59" s="363">
        <v>9108000</v>
      </c>
      <c r="M59" s="364"/>
      <c r="N59" s="369">
        <v>11880000</v>
      </c>
      <c r="O59" s="370"/>
      <c r="P59" s="363">
        <v>8300000</v>
      </c>
      <c r="Q59" s="364"/>
      <c r="R59" s="363">
        <v>8000000</v>
      </c>
      <c r="S59" s="364"/>
      <c r="T59" s="421">
        <v>20955000</v>
      </c>
      <c r="U59" s="422"/>
      <c r="V59" s="316" t="s">
        <v>916</v>
      </c>
      <c r="W59" s="375"/>
      <c r="X59" s="363"/>
      <c r="Y59" s="364"/>
      <c r="Z59" s="363"/>
      <c r="AA59" s="364"/>
      <c r="AB59" s="363">
        <v>8800000</v>
      </c>
      <c r="AC59" s="364"/>
      <c r="AD59" s="369">
        <v>12760000</v>
      </c>
      <c r="AE59" s="370"/>
      <c r="AF59" s="319" t="s">
        <v>520</v>
      </c>
      <c r="AG59" s="376"/>
      <c r="AH59" s="369">
        <v>9372000</v>
      </c>
      <c r="AI59" s="370"/>
      <c r="AJ59" s="369">
        <v>10000000</v>
      </c>
      <c r="AK59" s="370"/>
      <c r="AL59" s="363">
        <v>7320000</v>
      </c>
      <c r="AM59" s="363"/>
      <c r="AN59" s="363">
        <v>12000000</v>
      </c>
      <c r="AO59" s="363"/>
      <c r="AP59" s="369">
        <v>13630000</v>
      </c>
      <c r="AQ59" s="369"/>
      <c r="AR59" s="378">
        <v>9800000</v>
      </c>
      <c r="AS59" s="379"/>
      <c r="AT59" s="363">
        <v>15300000</v>
      </c>
      <c r="AU59" s="364"/>
      <c r="AV59" s="363">
        <v>20250000</v>
      </c>
      <c r="AW59" s="363"/>
      <c r="AX59" s="369">
        <v>8000000</v>
      </c>
      <c r="AY59" s="370"/>
      <c r="AZ59" s="424">
        <v>16200000</v>
      </c>
      <c r="BA59" s="424"/>
      <c r="BB59" s="363">
        <v>17830000</v>
      </c>
      <c r="BC59" s="364"/>
      <c r="BD59" s="369"/>
      <c r="BE59" s="369"/>
      <c r="BF59" s="378">
        <v>10100000</v>
      </c>
      <c r="BG59" s="379"/>
      <c r="BH59" s="363"/>
      <c r="BI59" s="364"/>
      <c r="BJ59" s="369"/>
      <c r="BK59" s="370"/>
      <c r="BL59" s="423">
        <v>22000000</v>
      </c>
      <c r="BM59" s="364"/>
      <c r="BN59" s="416">
        <v>8400000</v>
      </c>
      <c r="BO59" s="417"/>
      <c r="BP59" s="363"/>
      <c r="BQ59" s="363"/>
      <c r="BR59" s="363">
        <v>9240000</v>
      </c>
      <c r="BS59" s="363"/>
      <c r="BT59" s="363">
        <v>35238000</v>
      </c>
      <c r="BU59" s="364"/>
      <c r="BV59" s="369"/>
      <c r="BW59" s="370"/>
      <c r="BX59" s="363">
        <v>9000000</v>
      </c>
      <c r="BY59" s="364"/>
      <c r="BZ59" s="363">
        <v>8000000</v>
      </c>
      <c r="CA59" s="364"/>
      <c r="CB59" s="363">
        <v>10000000</v>
      </c>
      <c r="CC59" s="364"/>
      <c r="CD59" s="416">
        <v>8800000</v>
      </c>
      <c r="CE59" s="417"/>
      <c r="CF59" s="363">
        <v>8500000</v>
      </c>
      <c r="CG59" s="364"/>
      <c r="CH59" s="363">
        <v>3612500</v>
      </c>
      <c r="CI59" s="364"/>
      <c r="CJ59" s="313"/>
      <c r="CK59" s="314"/>
      <c r="CL59" s="363"/>
      <c r="CM59" s="364"/>
      <c r="CN59" s="315" t="s">
        <v>520</v>
      </c>
      <c r="CO59" s="368"/>
      <c r="CP59" s="369">
        <v>15750000</v>
      </c>
      <c r="CQ59" s="370"/>
      <c r="CR59" s="313" t="s">
        <v>520</v>
      </c>
      <c r="CS59" s="314"/>
      <c r="CT59" s="315" t="s">
        <v>520</v>
      </c>
      <c r="CU59" s="368"/>
      <c r="CV59" s="316" t="s">
        <v>520</v>
      </c>
      <c r="CW59" s="375"/>
      <c r="CX59" s="315" t="s">
        <v>520</v>
      </c>
      <c r="CY59" s="368"/>
      <c r="CZ59" s="369">
        <v>36000000</v>
      </c>
      <c r="DA59" s="369"/>
      <c r="DB59" s="378">
        <v>35100000</v>
      </c>
      <c r="DC59" s="379"/>
      <c r="DD59" s="363"/>
      <c r="DE59" s="364"/>
      <c r="DF59" s="363">
        <v>16874000</v>
      </c>
      <c r="DG59" s="364"/>
      <c r="DH59" s="363">
        <v>8400000</v>
      </c>
      <c r="DI59" s="364"/>
      <c r="DJ59" s="378">
        <v>8150000</v>
      </c>
      <c r="DK59" s="379"/>
    </row>
    <row r="60" spans="1:115" ht="10" customHeight="1">
      <c r="A60" s="431"/>
      <c r="B60" s="337"/>
      <c r="C60" s="401"/>
      <c r="D60" s="377" t="s">
        <v>600</v>
      </c>
      <c r="E60" s="325"/>
      <c r="F60" s="363">
        <v>34200000</v>
      </c>
      <c r="G60" s="364"/>
      <c r="H60" s="378">
        <v>21112000</v>
      </c>
      <c r="I60" s="379"/>
      <c r="J60" s="363"/>
      <c r="K60" s="363"/>
      <c r="L60" s="363">
        <v>26048000</v>
      </c>
      <c r="M60" s="364"/>
      <c r="N60" s="369">
        <v>26730000</v>
      </c>
      <c r="O60" s="370"/>
      <c r="P60" s="363">
        <v>18200000</v>
      </c>
      <c r="Q60" s="364"/>
      <c r="R60" s="363">
        <v>16000000</v>
      </c>
      <c r="S60" s="364"/>
      <c r="T60" s="421">
        <v>32010000</v>
      </c>
      <c r="U60" s="422"/>
      <c r="V60" s="316" t="s">
        <v>916</v>
      </c>
      <c r="W60" s="375"/>
      <c r="X60" s="363"/>
      <c r="Y60" s="364"/>
      <c r="Z60" s="363"/>
      <c r="AA60" s="364"/>
      <c r="AB60" s="363">
        <v>15500000</v>
      </c>
      <c r="AC60" s="364"/>
      <c r="AD60" s="316" t="s">
        <v>520</v>
      </c>
      <c r="AE60" s="375"/>
      <c r="AF60" s="319" t="s">
        <v>520</v>
      </c>
      <c r="AG60" s="376"/>
      <c r="AH60" s="369">
        <v>20482000</v>
      </c>
      <c r="AI60" s="370"/>
      <c r="AJ60" s="316" t="s">
        <v>520</v>
      </c>
      <c r="AK60" s="375"/>
      <c r="AL60" s="315" t="s">
        <v>617</v>
      </c>
      <c r="AM60" s="368"/>
      <c r="AN60" s="315" t="s">
        <v>617</v>
      </c>
      <c r="AO60" s="368"/>
      <c r="AP60" s="369">
        <v>26340000</v>
      </c>
      <c r="AQ60" s="369"/>
      <c r="AR60" s="378">
        <v>21100000</v>
      </c>
      <c r="AS60" s="379"/>
      <c r="AT60" s="363">
        <v>19100000</v>
      </c>
      <c r="AU60" s="364"/>
      <c r="AV60" s="315" t="s">
        <v>520</v>
      </c>
      <c r="AW60" s="368"/>
      <c r="AX60" s="369">
        <v>16000000</v>
      </c>
      <c r="AY60" s="370"/>
      <c r="AZ60" s="419" t="s">
        <v>946</v>
      </c>
      <c r="BA60" s="420"/>
      <c r="BB60" s="315" t="s">
        <v>520</v>
      </c>
      <c r="BC60" s="368"/>
      <c r="BD60" s="369"/>
      <c r="BE60" s="369"/>
      <c r="BF60" s="378">
        <v>22000000</v>
      </c>
      <c r="BG60" s="379"/>
      <c r="BH60" s="363"/>
      <c r="BI60" s="364"/>
      <c r="BJ60" s="369"/>
      <c r="BK60" s="370"/>
      <c r="BL60" s="317" t="s">
        <v>520</v>
      </c>
      <c r="BM60" s="418"/>
      <c r="BN60" s="315" t="s">
        <v>520</v>
      </c>
      <c r="BO60" s="368"/>
      <c r="BP60" s="315"/>
      <c r="BQ60" s="368"/>
      <c r="BR60" s="315" t="s">
        <v>741</v>
      </c>
      <c r="BS60" s="368"/>
      <c r="BT60" s="315" t="s">
        <v>618</v>
      </c>
      <c r="BU60" s="368"/>
      <c r="BV60" s="369"/>
      <c r="BW60" s="370"/>
      <c r="BX60" s="363">
        <v>18000000</v>
      </c>
      <c r="BY60" s="364"/>
      <c r="BZ60" s="313" t="s">
        <v>917</v>
      </c>
      <c r="CA60" s="314"/>
      <c r="CB60" s="317" t="s">
        <v>520</v>
      </c>
      <c r="CC60" s="418"/>
      <c r="CD60" s="416">
        <v>19800000</v>
      </c>
      <c r="CE60" s="417"/>
      <c r="CF60" s="315" t="s">
        <v>520</v>
      </c>
      <c r="CG60" s="368"/>
      <c r="CH60" s="315" t="s">
        <v>520</v>
      </c>
      <c r="CI60" s="368"/>
      <c r="CJ60" s="313"/>
      <c r="CK60" s="314"/>
      <c r="CL60" s="363"/>
      <c r="CM60" s="364"/>
      <c r="CN60" s="315" t="s">
        <v>520</v>
      </c>
      <c r="CO60" s="368"/>
      <c r="CP60" s="316" t="s">
        <v>520</v>
      </c>
      <c r="CQ60" s="375"/>
      <c r="CR60" s="313" t="s">
        <v>520</v>
      </c>
      <c r="CS60" s="314"/>
      <c r="CT60" s="315" t="s">
        <v>520</v>
      </c>
      <c r="CU60" s="368"/>
      <c r="CV60" s="316" t="s">
        <v>520</v>
      </c>
      <c r="CW60" s="375"/>
      <c r="CX60" s="315" t="s">
        <v>520</v>
      </c>
      <c r="CY60" s="368"/>
      <c r="CZ60" s="316" t="s">
        <v>520</v>
      </c>
      <c r="DA60" s="375"/>
      <c r="DB60" s="313" t="s">
        <v>520</v>
      </c>
      <c r="DC60" s="314"/>
      <c r="DD60" s="363"/>
      <c r="DE60" s="364"/>
      <c r="DF60" s="363">
        <v>36894000</v>
      </c>
      <c r="DG60" s="364"/>
      <c r="DH60" s="363">
        <v>17800000</v>
      </c>
      <c r="DI60" s="364"/>
      <c r="DJ60" s="378">
        <v>21320000</v>
      </c>
      <c r="DK60" s="379"/>
    </row>
    <row r="61" spans="1:115" ht="10" customHeight="1">
      <c r="A61" s="431"/>
      <c r="B61" s="338"/>
      <c r="C61" s="402"/>
      <c r="D61" s="371" t="s">
        <v>619</v>
      </c>
      <c r="E61" s="372"/>
      <c r="F61" s="353">
        <v>82200000</v>
      </c>
      <c r="G61" s="354"/>
      <c r="H61" s="301" t="s">
        <v>520</v>
      </c>
      <c r="I61" s="359"/>
      <c r="J61" s="353"/>
      <c r="K61" s="353"/>
      <c r="L61" s="414" t="s">
        <v>742</v>
      </c>
      <c r="M61" s="415"/>
      <c r="N61" s="300" t="s">
        <v>520</v>
      </c>
      <c r="O61" s="360"/>
      <c r="P61" s="353">
        <v>36400000</v>
      </c>
      <c r="Q61" s="354"/>
      <c r="R61" s="301" t="s">
        <v>520</v>
      </c>
      <c r="S61" s="359"/>
      <c r="T61" s="301" t="s">
        <v>520</v>
      </c>
      <c r="U61" s="359"/>
      <c r="V61" s="316" t="s">
        <v>916</v>
      </c>
      <c r="W61" s="375"/>
      <c r="X61" s="353"/>
      <c r="Y61" s="354"/>
      <c r="Z61" s="353"/>
      <c r="AA61" s="354"/>
      <c r="AB61" s="414" t="s">
        <v>743</v>
      </c>
      <c r="AC61" s="415"/>
      <c r="AD61" s="300" t="s">
        <v>520</v>
      </c>
      <c r="AE61" s="360"/>
      <c r="AF61" s="312" t="s">
        <v>520</v>
      </c>
      <c r="AG61" s="365"/>
      <c r="AH61" s="300" t="s">
        <v>520</v>
      </c>
      <c r="AI61" s="360"/>
      <c r="AJ61" s="300" t="s">
        <v>520</v>
      </c>
      <c r="AK61" s="360"/>
      <c r="AL61" s="301" t="s">
        <v>617</v>
      </c>
      <c r="AM61" s="359"/>
      <c r="AN61" s="301" t="s">
        <v>617</v>
      </c>
      <c r="AO61" s="359"/>
      <c r="AP61" s="410" t="s">
        <v>918</v>
      </c>
      <c r="AQ61" s="411"/>
      <c r="AR61" s="412">
        <v>29900000</v>
      </c>
      <c r="AS61" s="413"/>
      <c r="AT61" s="353">
        <v>23100000</v>
      </c>
      <c r="AU61" s="354"/>
      <c r="AV61" s="301" t="s">
        <v>520</v>
      </c>
      <c r="AW61" s="359"/>
      <c r="AX61" s="300" t="s">
        <v>520</v>
      </c>
      <c r="AY61" s="360"/>
      <c r="AZ61" s="408" t="s">
        <v>919</v>
      </c>
      <c r="BA61" s="409"/>
      <c r="BB61" s="301" t="s">
        <v>520</v>
      </c>
      <c r="BC61" s="359"/>
      <c r="BD61" s="355"/>
      <c r="BE61" s="355"/>
      <c r="BF61" s="310" t="s">
        <v>617</v>
      </c>
      <c r="BG61" s="311"/>
      <c r="BH61" s="353"/>
      <c r="BI61" s="354"/>
      <c r="BJ61" s="300"/>
      <c r="BK61" s="360"/>
      <c r="BL61" s="301" t="s">
        <v>520</v>
      </c>
      <c r="BM61" s="359"/>
      <c r="BN61" s="301" t="s">
        <v>520</v>
      </c>
      <c r="BO61" s="359"/>
      <c r="BP61" s="301"/>
      <c r="BQ61" s="359"/>
      <c r="BR61" s="301" t="s">
        <v>744</v>
      </c>
      <c r="BS61" s="359"/>
      <c r="BT61" s="301" t="s">
        <v>520</v>
      </c>
      <c r="BU61" s="359"/>
      <c r="BV61" s="300"/>
      <c r="BW61" s="360"/>
      <c r="BX61" s="301" t="s">
        <v>520</v>
      </c>
      <c r="BY61" s="359"/>
      <c r="BZ61" s="308" t="s">
        <v>920</v>
      </c>
      <c r="CA61" s="309"/>
      <c r="CB61" s="301" t="s">
        <v>520</v>
      </c>
      <c r="CC61" s="359"/>
      <c r="CD61" s="406">
        <v>28600000</v>
      </c>
      <c r="CE61" s="407"/>
      <c r="CF61" s="301" t="s">
        <v>520</v>
      </c>
      <c r="CG61" s="359"/>
      <c r="CH61" s="301" t="s">
        <v>520</v>
      </c>
      <c r="CI61" s="359"/>
      <c r="CJ61" s="308"/>
      <c r="CK61" s="309"/>
      <c r="CL61" s="353"/>
      <c r="CM61" s="354"/>
      <c r="CN61" s="301" t="s">
        <v>520</v>
      </c>
      <c r="CO61" s="359"/>
      <c r="CP61" s="300" t="s">
        <v>520</v>
      </c>
      <c r="CQ61" s="360"/>
      <c r="CR61" s="308" t="s">
        <v>520</v>
      </c>
      <c r="CS61" s="309"/>
      <c r="CT61" s="301" t="s">
        <v>520</v>
      </c>
      <c r="CU61" s="359"/>
      <c r="CV61" s="300" t="s">
        <v>520</v>
      </c>
      <c r="CW61" s="360"/>
      <c r="CX61" s="301" t="s">
        <v>520</v>
      </c>
      <c r="CY61" s="359"/>
      <c r="CZ61" s="300" t="s">
        <v>520</v>
      </c>
      <c r="DA61" s="360"/>
      <c r="DB61" s="308" t="s">
        <v>520</v>
      </c>
      <c r="DC61" s="309"/>
      <c r="DD61" s="353"/>
      <c r="DE61" s="354"/>
      <c r="DF61" s="301" t="s">
        <v>617</v>
      </c>
      <c r="DG61" s="359"/>
      <c r="DH61" s="300" t="s">
        <v>617</v>
      </c>
      <c r="DI61" s="360"/>
      <c r="DJ61" s="301" t="s">
        <v>520</v>
      </c>
      <c r="DK61" s="359"/>
    </row>
    <row r="62" spans="1:115" ht="10" customHeight="1">
      <c r="A62" s="431"/>
      <c r="B62" s="336" t="s">
        <v>529</v>
      </c>
      <c r="C62" s="400" t="s">
        <v>528</v>
      </c>
      <c r="D62" s="403" t="s">
        <v>587</v>
      </c>
      <c r="E62" s="404"/>
      <c r="F62" s="405"/>
      <c r="G62" s="385"/>
      <c r="H62" s="394" t="s">
        <v>530</v>
      </c>
      <c r="I62" s="394"/>
      <c r="J62" s="384">
        <v>110000</v>
      </c>
      <c r="K62" s="384"/>
      <c r="L62" s="384"/>
      <c r="M62" s="385"/>
      <c r="N62" s="382"/>
      <c r="O62" s="383"/>
      <c r="P62" s="328"/>
      <c r="Q62" s="328"/>
      <c r="R62" s="384"/>
      <c r="S62" s="385"/>
      <c r="T62" s="384"/>
      <c r="U62" s="385"/>
      <c r="V62" s="384"/>
      <c r="W62" s="385"/>
      <c r="X62" s="384">
        <v>75000</v>
      </c>
      <c r="Y62" s="385"/>
      <c r="Z62" s="384">
        <v>250800</v>
      </c>
      <c r="AA62" s="385"/>
      <c r="AB62" s="394" t="s">
        <v>530</v>
      </c>
      <c r="AC62" s="394"/>
      <c r="AD62" s="382"/>
      <c r="AE62" s="383"/>
      <c r="AF62" s="397"/>
      <c r="AG62" s="398"/>
      <c r="AH62" s="382"/>
      <c r="AI62" s="383"/>
      <c r="AJ62" s="399" t="s">
        <v>530</v>
      </c>
      <c r="AK62" s="399"/>
      <c r="AL62" s="328" t="s">
        <v>530</v>
      </c>
      <c r="AM62" s="328"/>
      <c r="AN62" s="384"/>
      <c r="AO62" s="385"/>
      <c r="AP62" s="384"/>
      <c r="AQ62" s="385"/>
      <c r="AR62" s="395" t="s">
        <v>530</v>
      </c>
      <c r="AS62" s="396"/>
      <c r="AT62" s="382"/>
      <c r="AU62" s="383"/>
      <c r="AV62" s="384"/>
      <c r="AW62" s="385"/>
      <c r="AX62" s="382"/>
      <c r="AY62" s="383"/>
      <c r="AZ62" s="382"/>
      <c r="BA62" s="382"/>
      <c r="BB62" s="384"/>
      <c r="BC62" s="385"/>
      <c r="BD62" s="382">
        <v>154000</v>
      </c>
      <c r="BE62" s="382"/>
      <c r="BF62" s="332"/>
      <c r="BG62" s="333"/>
      <c r="BH62" s="384">
        <v>200000</v>
      </c>
      <c r="BI62" s="384"/>
      <c r="BJ62" s="382">
        <v>200000</v>
      </c>
      <c r="BK62" s="382"/>
      <c r="BL62" s="328" t="s">
        <v>530</v>
      </c>
      <c r="BM62" s="328"/>
      <c r="BN62" s="384"/>
      <c r="BO62" s="385"/>
      <c r="BP62" s="390">
        <v>300000</v>
      </c>
      <c r="BQ62" s="391"/>
      <c r="BR62" s="394"/>
      <c r="BS62" s="394"/>
      <c r="BT62" s="328" t="s">
        <v>530</v>
      </c>
      <c r="BU62" s="328"/>
      <c r="BV62" s="382">
        <v>200000</v>
      </c>
      <c r="BW62" s="382"/>
      <c r="BX62" s="394" t="s">
        <v>530</v>
      </c>
      <c r="BY62" s="394"/>
      <c r="BZ62" s="328"/>
      <c r="CA62" s="328"/>
      <c r="CB62" s="328"/>
      <c r="CC62" s="328"/>
      <c r="CD62" s="328" t="s">
        <v>530</v>
      </c>
      <c r="CE62" s="328"/>
      <c r="CF62" s="328"/>
      <c r="CG62" s="328"/>
      <c r="CH62" s="388">
        <v>40000</v>
      </c>
      <c r="CI62" s="389"/>
      <c r="CJ62" s="390">
        <v>140000</v>
      </c>
      <c r="CK62" s="391"/>
      <c r="CL62" s="384">
        <v>165000</v>
      </c>
      <c r="CM62" s="384"/>
      <c r="CN62" s="384"/>
      <c r="CO62" s="385"/>
      <c r="CP62" s="382"/>
      <c r="CQ62" s="383"/>
      <c r="CR62" s="392"/>
      <c r="CS62" s="393"/>
      <c r="CT62" s="384"/>
      <c r="CU62" s="385"/>
      <c r="CV62" s="382"/>
      <c r="CW62" s="383"/>
      <c r="CX62" s="328" t="s">
        <v>530</v>
      </c>
      <c r="CY62" s="328"/>
      <c r="CZ62" s="382"/>
      <c r="DA62" s="383"/>
      <c r="DB62" s="386"/>
      <c r="DC62" s="387"/>
      <c r="DD62" s="384">
        <v>242000</v>
      </c>
      <c r="DE62" s="385"/>
      <c r="DF62" s="328" t="s">
        <v>530</v>
      </c>
      <c r="DG62" s="328"/>
      <c r="DH62" s="382"/>
      <c r="DI62" s="383"/>
      <c r="DJ62" s="384"/>
      <c r="DK62" s="385"/>
    </row>
    <row r="63" spans="1:115" ht="10" customHeight="1">
      <c r="A63" s="431"/>
      <c r="B63" s="337"/>
      <c r="C63" s="401"/>
      <c r="D63" s="377" t="s">
        <v>590</v>
      </c>
      <c r="E63" s="325"/>
      <c r="F63" s="363"/>
      <c r="G63" s="364"/>
      <c r="H63" s="363"/>
      <c r="I63" s="364"/>
      <c r="J63" s="363">
        <v>176000</v>
      </c>
      <c r="K63" s="363"/>
      <c r="L63" s="363"/>
      <c r="M63" s="364"/>
      <c r="N63" s="369"/>
      <c r="O63" s="370"/>
      <c r="P63" s="363"/>
      <c r="Q63" s="364"/>
      <c r="R63" s="363"/>
      <c r="S63" s="364"/>
      <c r="T63" s="363"/>
      <c r="U63" s="364"/>
      <c r="V63" s="363"/>
      <c r="W63" s="364"/>
      <c r="X63" s="363">
        <v>209000</v>
      </c>
      <c r="Y63" s="364"/>
      <c r="Z63" s="363">
        <v>250800</v>
      </c>
      <c r="AA63" s="364"/>
      <c r="AB63" s="363"/>
      <c r="AC63" s="363"/>
      <c r="AD63" s="369"/>
      <c r="AE63" s="370"/>
      <c r="AF63" s="380"/>
      <c r="AG63" s="381"/>
      <c r="AH63" s="369"/>
      <c r="AI63" s="370"/>
      <c r="AJ63" s="369"/>
      <c r="AK63" s="370"/>
      <c r="AL63" s="363"/>
      <c r="AM63" s="364"/>
      <c r="AN63" s="363"/>
      <c r="AO63" s="364"/>
      <c r="AP63" s="363"/>
      <c r="AQ63" s="364"/>
      <c r="AR63" s="366"/>
      <c r="AS63" s="367"/>
      <c r="AT63" s="369"/>
      <c r="AU63" s="370"/>
      <c r="AV63" s="363"/>
      <c r="AW63" s="364"/>
      <c r="AX63" s="369"/>
      <c r="AY63" s="370"/>
      <c r="AZ63" s="369"/>
      <c r="BA63" s="369"/>
      <c r="BB63" s="363"/>
      <c r="BC63" s="364"/>
      <c r="BD63" s="369">
        <v>220000</v>
      </c>
      <c r="BE63" s="369"/>
      <c r="BF63" s="317"/>
      <c r="BG63" s="318"/>
      <c r="BH63" s="363">
        <v>250000</v>
      </c>
      <c r="BI63" s="364"/>
      <c r="BJ63" s="369">
        <v>300000</v>
      </c>
      <c r="BK63" s="369"/>
      <c r="BL63" s="315"/>
      <c r="BM63" s="315"/>
      <c r="BN63" s="315"/>
      <c r="BO63" s="315"/>
      <c r="BP63" s="363">
        <v>300000</v>
      </c>
      <c r="BQ63" s="363"/>
      <c r="BR63" s="315"/>
      <c r="BS63" s="315"/>
      <c r="BT63" s="363"/>
      <c r="BU63" s="364"/>
      <c r="BV63" s="369">
        <v>200000</v>
      </c>
      <c r="BW63" s="369"/>
      <c r="BX63" s="315"/>
      <c r="BY63" s="315"/>
      <c r="BZ63" s="315"/>
      <c r="CA63" s="315"/>
      <c r="CB63" s="373"/>
      <c r="CC63" s="374"/>
      <c r="CD63" s="373"/>
      <c r="CE63" s="374"/>
      <c r="CF63" s="373"/>
      <c r="CG63" s="374"/>
      <c r="CH63" s="373">
        <v>85000</v>
      </c>
      <c r="CI63" s="374"/>
      <c r="CJ63" s="378">
        <v>185000</v>
      </c>
      <c r="CK63" s="379"/>
      <c r="CL63" s="363">
        <v>220000</v>
      </c>
      <c r="CM63" s="363"/>
      <c r="CN63" s="363"/>
      <c r="CO63" s="364"/>
      <c r="CP63" s="369"/>
      <c r="CQ63" s="370"/>
      <c r="CR63" s="366"/>
      <c r="CS63" s="367"/>
      <c r="CT63" s="363"/>
      <c r="CU63" s="364"/>
      <c r="CV63" s="369"/>
      <c r="CW63" s="370"/>
      <c r="CX63" s="363"/>
      <c r="CY63" s="364"/>
      <c r="CZ63" s="369"/>
      <c r="DA63" s="370"/>
      <c r="DB63" s="366"/>
      <c r="DC63" s="367"/>
      <c r="DD63" s="363">
        <v>242000</v>
      </c>
      <c r="DE63" s="364"/>
      <c r="DF63" s="363"/>
      <c r="DG63" s="364"/>
      <c r="DH63" s="369"/>
      <c r="DI63" s="370"/>
      <c r="DJ63" s="363"/>
      <c r="DK63" s="364"/>
    </row>
    <row r="64" spans="1:115" ht="10" customHeight="1">
      <c r="A64" s="431"/>
      <c r="B64" s="337"/>
      <c r="C64" s="401"/>
      <c r="D64" s="377" t="s">
        <v>589</v>
      </c>
      <c r="E64" s="325"/>
      <c r="F64" s="363"/>
      <c r="G64" s="364"/>
      <c r="H64" s="363"/>
      <c r="I64" s="364"/>
      <c r="J64" s="363">
        <v>418000</v>
      </c>
      <c r="K64" s="363"/>
      <c r="L64" s="363"/>
      <c r="M64" s="364"/>
      <c r="N64" s="369"/>
      <c r="O64" s="370"/>
      <c r="P64" s="363"/>
      <c r="Q64" s="364"/>
      <c r="R64" s="363"/>
      <c r="S64" s="364"/>
      <c r="T64" s="363"/>
      <c r="U64" s="364"/>
      <c r="V64" s="363"/>
      <c r="W64" s="364"/>
      <c r="X64" s="363">
        <v>334000</v>
      </c>
      <c r="Y64" s="364"/>
      <c r="Z64" s="363">
        <v>544500</v>
      </c>
      <c r="AA64" s="364"/>
      <c r="AB64" s="363"/>
      <c r="AC64" s="363"/>
      <c r="AD64" s="369"/>
      <c r="AE64" s="370"/>
      <c r="AF64" s="380"/>
      <c r="AG64" s="381"/>
      <c r="AH64" s="369"/>
      <c r="AI64" s="370"/>
      <c r="AJ64" s="369"/>
      <c r="AK64" s="370"/>
      <c r="AL64" s="363"/>
      <c r="AM64" s="364"/>
      <c r="AN64" s="363"/>
      <c r="AO64" s="364"/>
      <c r="AP64" s="363"/>
      <c r="AQ64" s="364"/>
      <c r="AR64" s="366"/>
      <c r="AS64" s="367"/>
      <c r="AT64" s="369"/>
      <c r="AU64" s="370"/>
      <c r="AV64" s="363"/>
      <c r="AW64" s="364"/>
      <c r="AX64" s="369"/>
      <c r="AY64" s="370"/>
      <c r="AZ64" s="369"/>
      <c r="BA64" s="369"/>
      <c r="BB64" s="363"/>
      <c r="BC64" s="364"/>
      <c r="BD64" s="369">
        <v>363000</v>
      </c>
      <c r="BE64" s="369"/>
      <c r="BF64" s="317"/>
      <c r="BG64" s="318"/>
      <c r="BH64" s="363">
        <v>450000</v>
      </c>
      <c r="BI64" s="364"/>
      <c r="BJ64" s="369">
        <v>982000</v>
      </c>
      <c r="BK64" s="369"/>
      <c r="BL64" s="315"/>
      <c r="BM64" s="315"/>
      <c r="BN64" s="315"/>
      <c r="BO64" s="315"/>
      <c r="BP64" s="363">
        <v>700000</v>
      </c>
      <c r="BQ64" s="363"/>
      <c r="BR64" s="315"/>
      <c r="BS64" s="315"/>
      <c r="BT64" s="363"/>
      <c r="BU64" s="364"/>
      <c r="BV64" s="369">
        <v>360000</v>
      </c>
      <c r="BW64" s="369"/>
      <c r="BX64" s="315"/>
      <c r="BY64" s="315"/>
      <c r="BZ64" s="315"/>
      <c r="CA64" s="315"/>
      <c r="CB64" s="373"/>
      <c r="CC64" s="374"/>
      <c r="CD64" s="373"/>
      <c r="CE64" s="374"/>
      <c r="CF64" s="373"/>
      <c r="CG64" s="374"/>
      <c r="CH64" s="373">
        <v>157000</v>
      </c>
      <c r="CI64" s="374"/>
      <c r="CJ64" s="378">
        <v>400000</v>
      </c>
      <c r="CK64" s="379"/>
      <c r="CL64" s="363">
        <v>550000</v>
      </c>
      <c r="CM64" s="363"/>
      <c r="CN64" s="363"/>
      <c r="CO64" s="364"/>
      <c r="CP64" s="369"/>
      <c r="CQ64" s="370"/>
      <c r="CR64" s="366"/>
      <c r="CS64" s="367"/>
      <c r="CT64" s="363"/>
      <c r="CU64" s="364"/>
      <c r="CV64" s="369"/>
      <c r="CW64" s="370"/>
      <c r="CX64" s="363"/>
      <c r="CY64" s="364"/>
      <c r="CZ64" s="369"/>
      <c r="DA64" s="370"/>
      <c r="DB64" s="366"/>
      <c r="DC64" s="367"/>
      <c r="DD64" s="363">
        <v>473000</v>
      </c>
      <c r="DE64" s="364"/>
      <c r="DF64" s="363"/>
      <c r="DG64" s="364"/>
      <c r="DH64" s="369"/>
      <c r="DI64" s="370"/>
      <c r="DJ64" s="363"/>
      <c r="DK64" s="364"/>
    </row>
    <row r="65" spans="1:115" ht="10" customHeight="1">
      <c r="A65" s="431"/>
      <c r="B65" s="337"/>
      <c r="C65" s="401"/>
      <c r="D65" s="377" t="s">
        <v>591</v>
      </c>
      <c r="E65" s="325"/>
      <c r="F65" s="363"/>
      <c r="G65" s="364"/>
      <c r="H65" s="363"/>
      <c r="I65" s="364"/>
      <c r="J65" s="363">
        <v>693000</v>
      </c>
      <c r="K65" s="363"/>
      <c r="L65" s="363"/>
      <c r="M65" s="364"/>
      <c r="N65" s="316"/>
      <c r="O65" s="375"/>
      <c r="P65" s="363"/>
      <c r="Q65" s="364"/>
      <c r="R65" s="363"/>
      <c r="S65" s="364"/>
      <c r="T65" s="363"/>
      <c r="U65" s="364"/>
      <c r="V65" s="363"/>
      <c r="W65" s="364"/>
      <c r="X65" s="363">
        <v>562000</v>
      </c>
      <c r="Y65" s="364"/>
      <c r="Z65" s="363">
        <v>764500</v>
      </c>
      <c r="AA65" s="364"/>
      <c r="AB65" s="363"/>
      <c r="AC65" s="363"/>
      <c r="AD65" s="369"/>
      <c r="AE65" s="370"/>
      <c r="AF65" s="380"/>
      <c r="AG65" s="381"/>
      <c r="AH65" s="369"/>
      <c r="AI65" s="370"/>
      <c r="AJ65" s="369"/>
      <c r="AK65" s="370"/>
      <c r="AL65" s="363"/>
      <c r="AM65" s="364"/>
      <c r="AN65" s="363"/>
      <c r="AO65" s="364"/>
      <c r="AP65" s="363"/>
      <c r="AQ65" s="364"/>
      <c r="AR65" s="366"/>
      <c r="AS65" s="367"/>
      <c r="AT65" s="369"/>
      <c r="AU65" s="370"/>
      <c r="AV65" s="363"/>
      <c r="AW65" s="364"/>
      <c r="AX65" s="369"/>
      <c r="AY65" s="370"/>
      <c r="AZ65" s="369"/>
      <c r="BA65" s="369"/>
      <c r="BB65" s="363"/>
      <c r="BC65" s="364"/>
      <c r="BD65" s="316" t="s">
        <v>520</v>
      </c>
      <c r="BE65" s="316"/>
      <c r="BF65" s="317"/>
      <c r="BG65" s="318"/>
      <c r="BH65" s="363">
        <v>700000</v>
      </c>
      <c r="BI65" s="364"/>
      <c r="BJ65" s="369">
        <v>1572000</v>
      </c>
      <c r="BK65" s="369"/>
      <c r="BL65" s="315"/>
      <c r="BM65" s="315"/>
      <c r="BN65" s="315"/>
      <c r="BO65" s="315"/>
      <c r="BP65" s="363">
        <v>1400000</v>
      </c>
      <c r="BQ65" s="363"/>
      <c r="BR65" s="315"/>
      <c r="BS65" s="315"/>
      <c r="BT65" s="363"/>
      <c r="BU65" s="364"/>
      <c r="BV65" s="369">
        <v>560000</v>
      </c>
      <c r="BW65" s="369"/>
      <c r="BX65" s="315"/>
      <c r="BY65" s="315"/>
      <c r="BZ65" s="315"/>
      <c r="CA65" s="315"/>
      <c r="CB65" s="373"/>
      <c r="CC65" s="374"/>
      <c r="CD65" s="373"/>
      <c r="CE65" s="374"/>
      <c r="CF65" s="373"/>
      <c r="CG65" s="374"/>
      <c r="CH65" s="373">
        <v>297500</v>
      </c>
      <c r="CI65" s="374"/>
      <c r="CJ65" s="378">
        <v>625000</v>
      </c>
      <c r="CK65" s="379"/>
      <c r="CL65" s="363">
        <v>880000</v>
      </c>
      <c r="CM65" s="363"/>
      <c r="CN65" s="363"/>
      <c r="CO65" s="364"/>
      <c r="CP65" s="369"/>
      <c r="CQ65" s="370"/>
      <c r="CR65" s="366"/>
      <c r="CS65" s="367"/>
      <c r="CT65" s="363"/>
      <c r="CU65" s="364"/>
      <c r="CV65" s="369"/>
      <c r="CW65" s="370"/>
      <c r="CX65" s="363"/>
      <c r="CY65" s="364"/>
      <c r="CZ65" s="369"/>
      <c r="DA65" s="370"/>
      <c r="DB65" s="366"/>
      <c r="DC65" s="367"/>
      <c r="DD65" s="315" t="s">
        <v>520</v>
      </c>
      <c r="DE65" s="368"/>
      <c r="DF65" s="363"/>
      <c r="DG65" s="364"/>
      <c r="DH65" s="369"/>
      <c r="DI65" s="370"/>
      <c r="DJ65" s="363"/>
      <c r="DK65" s="364"/>
    </row>
    <row r="66" spans="1:115" ht="10" customHeight="1">
      <c r="A66" s="431"/>
      <c r="B66" s="337"/>
      <c r="C66" s="401"/>
      <c r="D66" s="377" t="s">
        <v>592</v>
      </c>
      <c r="E66" s="325"/>
      <c r="F66" s="363"/>
      <c r="G66" s="364"/>
      <c r="H66" s="363"/>
      <c r="I66" s="364"/>
      <c r="J66" s="363">
        <v>1210000</v>
      </c>
      <c r="K66" s="363"/>
      <c r="L66" s="363"/>
      <c r="M66" s="364"/>
      <c r="N66" s="369"/>
      <c r="O66" s="370"/>
      <c r="P66" s="363"/>
      <c r="Q66" s="364"/>
      <c r="R66" s="363"/>
      <c r="S66" s="364"/>
      <c r="T66" s="363"/>
      <c r="U66" s="364"/>
      <c r="V66" s="363"/>
      <c r="W66" s="364"/>
      <c r="X66" s="363">
        <v>1008000</v>
      </c>
      <c r="Y66" s="364"/>
      <c r="Z66" s="363">
        <v>1445400</v>
      </c>
      <c r="AA66" s="364"/>
      <c r="AB66" s="363"/>
      <c r="AC66" s="363"/>
      <c r="AD66" s="369"/>
      <c r="AE66" s="370"/>
      <c r="AF66" s="380"/>
      <c r="AG66" s="381"/>
      <c r="AH66" s="369"/>
      <c r="AI66" s="370"/>
      <c r="AJ66" s="369"/>
      <c r="AK66" s="370"/>
      <c r="AL66" s="363"/>
      <c r="AM66" s="364"/>
      <c r="AN66" s="363"/>
      <c r="AO66" s="364"/>
      <c r="AP66" s="363"/>
      <c r="AQ66" s="364"/>
      <c r="AR66" s="366"/>
      <c r="AS66" s="367"/>
      <c r="AT66" s="369"/>
      <c r="AU66" s="370"/>
      <c r="AV66" s="363"/>
      <c r="AW66" s="364"/>
      <c r="AX66" s="369"/>
      <c r="AY66" s="370"/>
      <c r="AZ66" s="369"/>
      <c r="BA66" s="369"/>
      <c r="BB66" s="363"/>
      <c r="BC66" s="364"/>
      <c r="BD66" s="316" t="s">
        <v>520</v>
      </c>
      <c r="BE66" s="316"/>
      <c r="BF66" s="317"/>
      <c r="BG66" s="318"/>
      <c r="BH66" s="363">
        <v>1500000</v>
      </c>
      <c r="BI66" s="364"/>
      <c r="BJ66" s="369">
        <v>3383000</v>
      </c>
      <c r="BK66" s="369"/>
      <c r="BL66" s="315"/>
      <c r="BM66" s="315"/>
      <c r="BN66" s="315"/>
      <c r="BO66" s="315"/>
      <c r="BP66" s="363">
        <v>2800000</v>
      </c>
      <c r="BQ66" s="363"/>
      <c r="BR66" s="315"/>
      <c r="BS66" s="315"/>
      <c r="BT66" s="363"/>
      <c r="BU66" s="364"/>
      <c r="BV66" s="369">
        <v>1240000</v>
      </c>
      <c r="BW66" s="369"/>
      <c r="BX66" s="315"/>
      <c r="BY66" s="315"/>
      <c r="BZ66" s="315"/>
      <c r="CA66" s="315"/>
      <c r="CB66" s="373"/>
      <c r="CC66" s="374"/>
      <c r="CD66" s="373"/>
      <c r="CE66" s="374"/>
      <c r="CF66" s="373"/>
      <c r="CG66" s="374"/>
      <c r="CH66" s="373">
        <v>573500</v>
      </c>
      <c r="CI66" s="374"/>
      <c r="CJ66" s="378">
        <v>1250000</v>
      </c>
      <c r="CK66" s="379"/>
      <c r="CL66" s="363">
        <v>1650000</v>
      </c>
      <c r="CM66" s="363"/>
      <c r="CN66" s="363"/>
      <c r="CO66" s="364"/>
      <c r="CP66" s="369"/>
      <c r="CQ66" s="370"/>
      <c r="CR66" s="366"/>
      <c r="CS66" s="367"/>
      <c r="CT66" s="363"/>
      <c r="CU66" s="364"/>
      <c r="CV66" s="369"/>
      <c r="CW66" s="370"/>
      <c r="CX66" s="363"/>
      <c r="CY66" s="364"/>
      <c r="CZ66" s="369"/>
      <c r="DA66" s="370"/>
      <c r="DB66" s="366"/>
      <c r="DC66" s="367"/>
      <c r="DD66" s="363">
        <v>1584000</v>
      </c>
      <c r="DE66" s="364"/>
      <c r="DF66" s="363"/>
      <c r="DG66" s="364"/>
      <c r="DH66" s="369"/>
      <c r="DI66" s="370"/>
      <c r="DJ66" s="363"/>
      <c r="DK66" s="364"/>
    </row>
    <row r="67" spans="1:115" ht="10" customHeight="1">
      <c r="A67" s="431"/>
      <c r="B67" s="337"/>
      <c r="C67" s="401"/>
      <c r="D67" s="377" t="s">
        <v>594</v>
      </c>
      <c r="E67" s="325"/>
      <c r="F67" s="363"/>
      <c r="G67" s="364"/>
      <c r="H67" s="363"/>
      <c r="I67" s="364"/>
      <c r="J67" s="363">
        <v>1980000</v>
      </c>
      <c r="K67" s="363"/>
      <c r="L67" s="363"/>
      <c r="M67" s="364"/>
      <c r="N67" s="369"/>
      <c r="O67" s="370"/>
      <c r="P67" s="363"/>
      <c r="Q67" s="364"/>
      <c r="R67" s="363"/>
      <c r="S67" s="364"/>
      <c r="T67" s="363"/>
      <c r="U67" s="364"/>
      <c r="V67" s="363"/>
      <c r="W67" s="364"/>
      <c r="X67" s="363">
        <v>1555000</v>
      </c>
      <c r="Y67" s="364"/>
      <c r="Z67" s="363">
        <v>2388100</v>
      </c>
      <c r="AA67" s="364"/>
      <c r="AB67" s="363"/>
      <c r="AC67" s="363"/>
      <c r="AD67" s="369"/>
      <c r="AE67" s="370"/>
      <c r="AF67" s="380"/>
      <c r="AG67" s="381"/>
      <c r="AH67" s="369"/>
      <c r="AI67" s="370"/>
      <c r="AJ67" s="369"/>
      <c r="AK67" s="370"/>
      <c r="AL67" s="363"/>
      <c r="AM67" s="364"/>
      <c r="AN67" s="363"/>
      <c r="AO67" s="364"/>
      <c r="AP67" s="363"/>
      <c r="AQ67" s="364"/>
      <c r="AR67" s="366"/>
      <c r="AS67" s="367"/>
      <c r="AT67" s="369"/>
      <c r="AU67" s="370"/>
      <c r="AV67" s="363"/>
      <c r="AW67" s="364"/>
      <c r="AX67" s="369"/>
      <c r="AY67" s="370"/>
      <c r="AZ67" s="369"/>
      <c r="BA67" s="369"/>
      <c r="BB67" s="363"/>
      <c r="BC67" s="364"/>
      <c r="BD67" s="369">
        <v>1870000</v>
      </c>
      <c r="BE67" s="369"/>
      <c r="BF67" s="317"/>
      <c r="BG67" s="318"/>
      <c r="BH67" s="363">
        <v>2700000</v>
      </c>
      <c r="BI67" s="364"/>
      <c r="BJ67" s="369">
        <v>6083000</v>
      </c>
      <c r="BK67" s="369"/>
      <c r="BL67" s="315"/>
      <c r="BM67" s="315"/>
      <c r="BN67" s="315"/>
      <c r="BO67" s="315"/>
      <c r="BP67" s="363">
        <v>3900000</v>
      </c>
      <c r="BQ67" s="363"/>
      <c r="BR67" s="315"/>
      <c r="BS67" s="315"/>
      <c r="BT67" s="363"/>
      <c r="BU67" s="364"/>
      <c r="BV67" s="369">
        <v>2220000</v>
      </c>
      <c r="BW67" s="369"/>
      <c r="BX67" s="315"/>
      <c r="BY67" s="315"/>
      <c r="BZ67" s="315"/>
      <c r="CA67" s="315"/>
      <c r="CB67" s="373"/>
      <c r="CC67" s="374"/>
      <c r="CD67" s="373"/>
      <c r="CE67" s="374"/>
      <c r="CF67" s="373"/>
      <c r="CG67" s="374"/>
      <c r="CH67" s="373">
        <v>850000</v>
      </c>
      <c r="CI67" s="374"/>
      <c r="CJ67" s="378">
        <v>2500000</v>
      </c>
      <c r="CK67" s="379"/>
      <c r="CL67" s="363">
        <v>3300000</v>
      </c>
      <c r="CM67" s="363"/>
      <c r="CN67" s="363"/>
      <c r="CO67" s="364"/>
      <c r="CP67" s="369"/>
      <c r="CQ67" s="370"/>
      <c r="CR67" s="366"/>
      <c r="CS67" s="367"/>
      <c r="CT67" s="363"/>
      <c r="CU67" s="364"/>
      <c r="CV67" s="369"/>
      <c r="CW67" s="370"/>
      <c r="CX67" s="363"/>
      <c r="CY67" s="364"/>
      <c r="CZ67" s="369"/>
      <c r="DA67" s="370"/>
      <c r="DB67" s="366"/>
      <c r="DC67" s="367"/>
      <c r="DD67" s="363">
        <v>2695000</v>
      </c>
      <c r="DE67" s="364"/>
      <c r="DF67" s="363"/>
      <c r="DG67" s="364"/>
      <c r="DH67" s="369"/>
      <c r="DI67" s="370"/>
      <c r="DJ67" s="363"/>
      <c r="DK67" s="364"/>
    </row>
    <row r="68" spans="1:115" ht="10" customHeight="1">
      <c r="A68" s="431"/>
      <c r="B68" s="337"/>
      <c r="C68" s="401"/>
      <c r="D68" s="377" t="s">
        <v>596</v>
      </c>
      <c r="E68" s="325"/>
      <c r="F68" s="363"/>
      <c r="G68" s="364"/>
      <c r="H68" s="363"/>
      <c r="I68" s="364"/>
      <c r="J68" s="363">
        <v>5170000</v>
      </c>
      <c r="K68" s="363"/>
      <c r="L68" s="363"/>
      <c r="M68" s="364"/>
      <c r="N68" s="369"/>
      <c r="O68" s="370"/>
      <c r="P68" s="363"/>
      <c r="Q68" s="364"/>
      <c r="R68" s="363"/>
      <c r="S68" s="364"/>
      <c r="T68" s="363"/>
      <c r="U68" s="364"/>
      <c r="V68" s="363"/>
      <c r="W68" s="364"/>
      <c r="X68" s="363">
        <v>3750000</v>
      </c>
      <c r="Y68" s="364"/>
      <c r="Z68" s="363">
        <v>6160000</v>
      </c>
      <c r="AA68" s="364"/>
      <c r="AB68" s="363"/>
      <c r="AC68" s="363"/>
      <c r="AD68" s="369"/>
      <c r="AE68" s="370"/>
      <c r="AF68" s="380"/>
      <c r="AG68" s="381"/>
      <c r="AH68" s="369"/>
      <c r="AI68" s="370"/>
      <c r="AJ68" s="369"/>
      <c r="AK68" s="370"/>
      <c r="AL68" s="363"/>
      <c r="AM68" s="364"/>
      <c r="AN68" s="363"/>
      <c r="AO68" s="364"/>
      <c r="AP68" s="363"/>
      <c r="AQ68" s="364"/>
      <c r="AR68" s="366"/>
      <c r="AS68" s="367"/>
      <c r="AT68" s="369"/>
      <c r="AU68" s="370"/>
      <c r="AV68" s="363"/>
      <c r="AW68" s="364"/>
      <c r="AX68" s="369"/>
      <c r="AY68" s="370"/>
      <c r="AZ68" s="369"/>
      <c r="BA68" s="369"/>
      <c r="BB68" s="363"/>
      <c r="BC68" s="364"/>
      <c r="BD68" s="369">
        <v>4950000</v>
      </c>
      <c r="BE68" s="369"/>
      <c r="BF68" s="317"/>
      <c r="BG68" s="318"/>
      <c r="BH68" s="363">
        <v>8000000</v>
      </c>
      <c r="BI68" s="364"/>
      <c r="BJ68" s="369">
        <v>17600000</v>
      </c>
      <c r="BK68" s="369"/>
      <c r="BL68" s="315"/>
      <c r="BM68" s="315"/>
      <c r="BN68" s="315"/>
      <c r="BO68" s="315"/>
      <c r="BP68" s="363">
        <v>11700000</v>
      </c>
      <c r="BQ68" s="363"/>
      <c r="BR68" s="315"/>
      <c r="BS68" s="315"/>
      <c r="BT68" s="363"/>
      <c r="BU68" s="364"/>
      <c r="BV68" s="369">
        <v>6460000</v>
      </c>
      <c r="BW68" s="369"/>
      <c r="BX68" s="315"/>
      <c r="BY68" s="315"/>
      <c r="BZ68" s="315"/>
      <c r="CA68" s="315"/>
      <c r="CB68" s="373"/>
      <c r="CC68" s="374"/>
      <c r="CD68" s="373"/>
      <c r="CE68" s="374"/>
      <c r="CF68" s="373"/>
      <c r="CG68" s="374"/>
      <c r="CH68" s="373">
        <v>2125000</v>
      </c>
      <c r="CI68" s="374"/>
      <c r="CJ68" s="378">
        <v>5000000</v>
      </c>
      <c r="CK68" s="379"/>
      <c r="CL68" s="315" t="s">
        <v>617</v>
      </c>
      <c r="CM68" s="315"/>
      <c r="CN68" s="363"/>
      <c r="CO68" s="364"/>
      <c r="CP68" s="369"/>
      <c r="CQ68" s="370"/>
      <c r="CR68" s="366"/>
      <c r="CS68" s="367"/>
      <c r="CT68" s="363"/>
      <c r="CU68" s="364"/>
      <c r="CV68" s="369"/>
      <c r="CW68" s="370"/>
      <c r="CX68" s="363"/>
      <c r="CY68" s="364"/>
      <c r="CZ68" s="369"/>
      <c r="DA68" s="370"/>
      <c r="DB68" s="366"/>
      <c r="DC68" s="367"/>
      <c r="DD68" s="363">
        <v>6930000</v>
      </c>
      <c r="DE68" s="364"/>
      <c r="DF68" s="363"/>
      <c r="DG68" s="364"/>
      <c r="DH68" s="369"/>
      <c r="DI68" s="370"/>
      <c r="DJ68" s="363"/>
      <c r="DK68" s="364"/>
    </row>
    <row r="69" spans="1:115" ht="10" customHeight="1">
      <c r="A69" s="431"/>
      <c r="B69" s="337"/>
      <c r="C69" s="401"/>
      <c r="D69" s="377" t="s">
        <v>598</v>
      </c>
      <c r="E69" s="325"/>
      <c r="F69" s="363"/>
      <c r="G69" s="364"/>
      <c r="H69" s="363"/>
      <c r="I69" s="364"/>
      <c r="J69" s="363">
        <v>9790000</v>
      </c>
      <c r="K69" s="363"/>
      <c r="L69" s="363"/>
      <c r="M69" s="364"/>
      <c r="N69" s="369"/>
      <c r="O69" s="370"/>
      <c r="P69" s="363"/>
      <c r="Q69" s="364"/>
      <c r="R69" s="363"/>
      <c r="S69" s="364"/>
      <c r="T69" s="363"/>
      <c r="U69" s="364"/>
      <c r="V69" s="363"/>
      <c r="W69" s="364"/>
      <c r="X69" s="363">
        <v>6390000</v>
      </c>
      <c r="Y69" s="364"/>
      <c r="Z69" s="363">
        <v>12340900</v>
      </c>
      <c r="AA69" s="364"/>
      <c r="AB69" s="363"/>
      <c r="AC69" s="363"/>
      <c r="AD69" s="369"/>
      <c r="AE69" s="370"/>
      <c r="AF69" s="319"/>
      <c r="AG69" s="376"/>
      <c r="AH69" s="369"/>
      <c r="AI69" s="370"/>
      <c r="AJ69" s="369"/>
      <c r="AK69" s="370"/>
      <c r="AL69" s="363"/>
      <c r="AM69" s="364"/>
      <c r="AN69" s="363"/>
      <c r="AO69" s="364"/>
      <c r="AP69" s="363"/>
      <c r="AQ69" s="364"/>
      <c r="AR69" s="366"/>
      <c r="AS69" s="367"/>
      <c r="AT69" s="369"/>
      <c r="AU69" s="370"/>
      <c r="AV69" s="363"/>
      <c r="AW69" s="364"/>
      <c r="AX69" s="369"/>
      <c r="AY69" s="370"/>
      <c r="AZ69" s="369"/>
      <c r="BA69" s="369"/>
      <c r="BB69" s="363"/>
      <c r="BC69" s="364"/>
      <c r="BD69" s="369">
        <v>9900000</v>
      </c>
      <c r="BE69" s="369"/>
      <c r="BF69" s="317"/>
      <c r="BG69" s="318"/>
      <c r="BH69" s="363">
        <v>17000000</v>
      </c>
      <c r="BI69" s="364"/>
      <c r="BJ69" s="369">
        <v>37488000</v>
      </c>
      <c r="BK69" s="369"/>
      <c r="BL69" s="315"/>
      <c r="BM69" s="315"/>
      <c r="BN69" s="315"/>
      <c r="BO69" s="315"/>
      <c r="BP69" s="363">
        <v>23400000</v>
      </c>
      <c r="BQ69" s="363"/>
      <c r="BR69" s="315"/>
      <c r="BS69" s="315"/>
      <c r="BT69" s="363"/>
      <c r="BU69" s="364"/>
      <c r="BV69" s="369">
        <v>13800000</v>
      </c>
      <c r="BW69" s="369"/>
      <c r="BX69" s="315"/>
      <c r="BY69" s="315"/>
      <c r="BZ69" s="315"/>
      <c r="CA69" s="315"/>
      <c r="CB69" s="373"/>
      <c r="CC69" s="374"/>
      <c r="CD69" s="373"/>
      <c r="CE69" s="374"/>
      <c r="CF69" s="373"/>
      <c r="CG69" s="374"/>
      <c r="CH69" s="373">
        <v>3612500</v>
      </c>
      <c r="CI69" s="374"/>
      <c r="CJ69" s="378">
        <v>10000000</v>
      </c>
      <c r="CK69" s="379"/>
      <c r="CL69" s="315" t="s">
        <v>617</v>
      </c>
      <c r="CM69" s="315"/>
      <c r="CN69" s="363"/>
      <c r="CO69" s="364"/>
      <c r="CP69" s="369"/>
      <c r="CQ69" s="370"/>
      <c r="CR69" s="366"/>
      <c r="CS69" s="367"/>
      <c r="CT69" s="363"/>
      <c r="CU69" s="364"/>
      <c r="CV69" s="369"/>
      <c r="CW69" s="370"/>
      <c r="CX69" s="363"/>
      <c r="CY69" s="364"/>
      <c r="CZ69" s="369"/>
      <c r="DA69" s="370"/>
      <c r="DB69" s="366"/>
      <c r="DC69" s="367"/>
      <c r="DD69" s="363">
        <v>13200000</v>
      </c>
      <c r="DE69" s="364"/>
      <c r="DF69" s="363"/>
      <c r="DG69" s="364"/>
      <c r="DH69" s="369"/>
      <c r="DI69" s="370"/>
      <c r="DJ69" s="363"/>
      <c r="DK69" s="364"/>
    </row>
    <row r="70" spans="1:115" ht="10" customHeight="1">
      <c r="A70" s="431"/>
      <c r="B70" s="337"/>
      <c r="C70" s="401"/>
      <c r="D70" s="377" t="s">
        <v>600</v>
      </c>
      <c r="E70" s="325"/>
      <c r="F70" s="363"/>
      <c r="G70" s="364"/>
      <c r="H70" s="363"/>
      <c r="I70" s="364"/>
      <c r="J70" s="363">
        <v>24200000</v>
      </c>
      <c r="K70" s="363"/>
      <c r="L70" s="363"/>
      <c r="M70" s="364"/>
      <c r="N70" s="316"/>
      <c r="O70" s="375"/>
      <c r="P70" s="363"/>
      <c r="Q70" s="364"/>
      <c r="R70" s="363"/>
      <c r="S70" s="364"/>
      <c r="T70" s="363"/>
      <c r="U70" s="364"/>
      <c r="V70" s="363"/>
      <c r="W70" s="364"/>
      <c r="X70" s="363">
        <v>13972000</v>
      </c>
      <c r="Y70" s="364"/>
      <c r="Z70" s="363">
        <v>33607200</v>
      </c>
      <c r="AA70" s="364"/>
      <c r="AB70" s="363"/>
      <c r="AC70" s="363"/>
      <c r="AD70" s="369"/>
      <c r="AE70" s="370"/>
      <c r="AF70" s="319"/>
      <c r="AG70" s="376"/>
      <c r="AH70" s="369"/>
      <c r="AI70" s="370"/>
      <c r="AJ70" s="369"/>
      <c r="AK70" s="370"/>
      <c r="AL70" s="363"/>
      <c r="AM70" s="364"/>
      <c r="AN70" s="363"/>
      <c r="AO70" s="364"/>
      <c r="AP70" s="363"/>
      <c r="AQ70" s="364"/>
      <c r="AR70" s="366"/>
      <c r="AS70" s="367"/>
      <c r="AT70" s="369"/>
      <c r="AU70" s="370"/>
      <c r="AV70" s="363"/>
      <c r="AW70" s="364"/>
      <c r="AX70" s="369"/>
      <c r="AY70" s="370"/>
      <c r="AZ70" s="316"/>
      <c r="BA70" s="375"/>
      <c r="BB70" s="363"/>
      <c r="BC70" s="364"/>
      <c r="BD70" s="316" t="s">
        <v>520</v>
      </c>
      <c r="BE70" s="316"/>
      <c r="BF70" s="317"/>
      <c r="BG70" s="318"/>
      <c r="BH70" s="315" t="s">
        <v>520</v>
      </c>
      <c r="BI70" s="368"/>
      <c r="BJ70" s="369">
        <v>107712000</v>
      </c>
      <c r="BK70" s="369"/>
      <c r="BL70" s="315"/>
      <c r="BM70" s="315"/>
      <c r="BN70" s="315"/>
      <c r="BO70" s="315"/>
      <c r="BP70" s="315" t="s">
        <v>745</v>
      </c>
      <c r="BQ70" s="315"/>
      <c r="BR70" s="315"/>
      <c r="BS70" s="315"/>
      <c r="BT70" s="363"/>
      <c r="BU70" s="364"/>
      <c r="BV70" s="369">
        <v>40000000</v>
      </c>
      <c r="BW70" s="369"/>
      <c r="BX70" s="315"/>
      <c r="BY70" s="315"/>
      <c r="BZ70" s="315"/>
      <c r="CA70" s="315"/>
      <c r="CB70" s="373"/>
      <c r="CC70" s="374"/>
      <c r="CD70" s="373"/>
      <c r="CE70" s="374"/>
      <c r="CF70" s="373"/>
      <c r="CG70" s="374"/>
      <c r="CH70" s="315" t="s">
        <v>520</v>
      </c>
      <c r="CI70" s="368"/>
      <c r="CJ70" s="313" t="s">
        <v>745</v>
      </c>
      <c r="CK70" s="314"/>
      <c r="CL70" s="315" t="s">
        <v>617</v>
      </c>
      <c r="CM70" s="315"/>
      <c r="CN70" s="363"/>
      <c r="CO70" s="364"/>
      <c r="CP70" s="369"/>
      <c r="CQ70" s="370"/>
      <c r="CR70" s="366"/>
      <c r="CS70" s="367"/>
      <c r="CT70" s="363"/>
      <c r="CU70" s="364"/>
      <c r="CV70" s="369"/>
      <c r="CW70" s="370"/>
      <c r="CX70" s="363"/>
      <c r="CY70" s="364"/>
      <c r="CZ70" s="369"/>
      <c r="DA70" s="370"/>
      <c r="DB70" s="366"/>
      <c r="DC70" s="367"/>
      <c r="DD70" s="315" t="s">
        <v>520</v>
      </c>
      <c r="DE70" s="368"/>
      <c r="DF70" s="363"/>
      <c r="DG70" s="364"/>
      <c r="DH70" s="369"/>
      <c r="DI70" s="370"/>
      <c r="DJ70" s="363"/>
      <c r="DK70" s="364"/>
    </row>
    <row r="71" spans="1:115" ht="10" customHeight="1">
      <c r="A71" s="431"/>
      <c r="B71" s="338"/>
      <c r="C71" s="402"/>
      <c r="D71" s="371" t="s">
        <v>619</v>
      </c>
      <c r="E71" s="372"/>
      <c r="F71" s="353"/>
      <c r="G71" s="353"/>
      <c r="H71" s="353"/>
      <c r="I71" s="354"/>
      <c r="J71" s="301" t="s">
        <v>520</v>
      </c>
      <c r="K71" s="359"/>
      <c r="L71" s="353"/>
      <c r="M71" s="354"/>
      <c r="N71" s="300"/>
      <c r="O71" s="360"/>
      <c r="P71" s="353"/>
      <c r="Q71" s="354"/>
      <c r="R71" s="353"/>
      <c r="S71" s="354"/>
      <c r="T71" s="353"/>
      <c r="U71" s="354"/>
      <c r="V71" s="353"/>
      <c r="W71" s="354"/>
      <c r="X71" s="301" t="s">
        <v>617</v>
      </c>
      <c r="Y71" s="359"/>
      <c r="Z71" s="301" t="s">
        <v>520</v>
      </c>
      <c r="AA71" s="359"/>
      <c r="AB71" s="353"/>
      <c r="AC71" s="353"/>
      <c r="AD71" s="355"/>
      <c r="AE71" s="356"/>
      <c r="AF71" s="312"/>
      <c r="AG71" s="365"/>
      <c r="AH71" s="355"/>
      <c r="AI71" s="356"/>
      <c r="AJ71" s="355"/>
      <c r="AK71" s="356"/>
      <c r="AL71" s="363"/>
      <c r="AM71" s="364"/>
      <c r="AN71" s="353"/>
      <c r="AO71" s="354"/>
      <c r="AP71" s="353"/>
      <c r="AQ71" s="354"/>
      <c r="AR71" s="357"/>
      <c r="AS71" s="358"/>
      <c r="AT71" s="355"/>
      <c r="AU71" s="356"/>
      <c r="AV71" s="353"/>
      <c r="AW71" s="354"/>
      <c r="AX71" s="355"/>
      <c r="AY71" s="356"/>
      <c r="AZ71" s="300"/>
      <c r="BA71" s="360"/>
      <c r="BB71" s="353"/>
      <c r="BC71" s="354"/>
      <c r="BD71" s="300" t="s">
        <v>520</v>
      </c>
      <c r="BE71" s="300"/>
      <c r="BF71" s="310"/>
      <c r="BG71" s="311"/>
      <c r="BH71" s="301" t="s">
        <v>520</v>
      </c>
      <c r="BI71" s="359"/>
      <c r="BJ71" s="300" t="s">
        <v>520</v>
      </c>
      <c r="BK71" s="300"/>
      <c r="BL71" s="301"/>
      <c r="BM71" s="301"/>
      <c r="BN71" s="301"/>
      <c r="BO71" s="301"/>
      <c r="BP71" s="301" t="s">
        <v>745</v>
      </c>
      <c r="BQ71" s="301"/>
      <c r="BR71" s="301"/>
      <c r="BS71" s="301"/>
      <c r="BT71" s="353"/>
      <c r="BU71" s="354"/>
      <c r="BV71" s="300" t="s">
        <v>520</v>
      </c>
      <c r="BW71" s="360"/>
      <c r="BX71" s="301"/>
      <c r="BY71" s="301"/>
      <c r="BZ71" s="301"/>
      <c r="CA71" s="301"/>
      <c r="CB71" s="361"/>
      <c r="CC71" s="362"/>
      <c r="CD71" s="361"/>
      <c r="CE71" s="362"/>
      <c r="CF71" s="361"/>
      <c r="CG71" s="362"/>
      <c r="CH71" s="301" t="s">
        <v>520</v>
      </c>
      <c r="CI71" s="359"/>
      <c r="CJ71" s="308" t="s">
        <v>745</v>
      </c>
      <c r="CK71" s="309"/>
      <c r="CL71" s="301" t="s">
        <v>617</v>
      </c>
      <c r="CM71" s="301"/>
      <c r="CN71" s="353"/>
      <c r="CO71" s="354"/>
      <c r="CP71" s="355"/>
      <c r="CQ71" s="356"/>
      <c r="CR71" s="357"/>
      <c r="CS71" s="358"/>
      <c r="CT71" s="353"/>
      <c r="CU71" s="354"/>
      <c r="CV71" s="355"/>
      <c r="CW71" s="356"/>
      <c r="CX71" s="353"/>
      <c r="CY71" s="354"/>
      <c r="CZ71" s="355"/>
      <c r="DA71" s="356"/>
      <c r="DB71" s="357"/>
      <c r="DC71" s="358"/>
      <c r="DD71" s="301" t="s">
        <v>520</v>
      </c>
      <c r="DE71" s="359"/>
      <c r="DF71" s="353"/>
      <c r="DG71" s="354"/>
      <c r="DH71" s="355"/>
      <c r="DI71" s="356"/>
      <c r="DJ71" s="353"/>
      <c r="DK71" s="354"/>
    </row>
    <row r="72" spans="1:115" ht="10" customHeight="1">
      <c r="A72" s="431"/>
      <c r="B72" s="346" t="s">
        <v>531</v>
      </c>
      <c r="C72" s="346"/>
      <c r="D72" s="346"/>
      <c r="E72" s="347"/>
      <c r="F72" s="275" t="s">
        <v>532</v>
      </c>
      <c r="G72" s="275"/>
      <c r="H72" s="275" t="s">
        <v>533</v>
      </c>
      <c r="I72" s="275"/>
      <c r="J72" s="275" t="s">
        <v>532</v>
      </c>
      <c r="K72" s="275"/>
      <c r="L72" s="275" t="s">
        <v>533</v>
      </c>
      <c r="M72" s="275"/>
      <c r="N72" s="269" t="s">
        <v>533</v>
      </c>
      <c r="O72" s="269"/>
      <c r="P72" s="275" t="s">
        <v>533</v>
      </c>
      <c r="Q72" s="275"/>
      <c r="R72" s="275" t="s">
        <v>533</v>
      </c>
      <c r="S72" s="275"/>
      <c r="T72" s="275" t="s">
        <v>534</v>
      </c>
      <c r="U72" s="275"/>
      <c r="V72" s="275" t="s">
        <v>533</v>
      </c>
      <c r="W72" s="275"/>
      <c r="X72" s="275" t="s">
        <v>533</v>
      </c>
      <c r="Y72" s="275"/>
      <c r="Z72" s="275" t="s">
        <v>532</v>
      </c>
      <c r="AA72" s="275"/>
      <c r="AB72" s="275" t="s">
        <v>533</v>
      </c>
      <c r="AC72" s="275"/>
      <c r="AD72" s="269" t="s">
        <v>533</v>
      </c>
      <c r="AE72" s="269"/>
      <c r="AF72" s="352" t="s">
        <v>746</v>
      </c>
      <c r="AG72" s="352"/>
      <c r="AH72" s="269" t="s">
        <v>533</v>
      </c>
      <c r="AI72" s="269"/>
      <c r="AJ72" s="269" t="s">
        <v>532</v>
      </c>
      <c r="AK72" s="269"/>
      <c r="AL72" s="275" t="s">
        <v>534</v>
      </c>
      <c r="AM72" s="275"/>
      <c r="AN72" s="275" t="s">
        <v>535</v>
      </c>
      <c r="AO72" s="275"/>
      <c r="AP72" s="275" t="s">
        <v>532</v>
      </c>
      <c r="AQ72" s="275"/>
      <c r="AR72" s="348" t="s">
        <v>533</v>
      </c>
      <c r="AS72" s="349"/>
      <c r="AT72" s="269" t="s">
        <v>533</v>
      </c>
      <c r="AU72" s="269"/>
      <c r="AV72" s="275" t="s">
        <v>533</v>
      </c>
      <c r="AW72" s="275"/>
      <c r="AX72" s="269" t="s">
        <v>533</v>
      </c>
      <c r="AY72" s="269"/>
      <c r="AZ72" s="269" t="s">
        <v>532</v>
      </c>
      <c r="BA72" s="269"/>
      <c r="BB72" s="275" t="s">
        <v>533</v>
      </c>
      <c r="BC72" s="275"/>
      <c r="BD72" s="269" t="s">
        <v>532</v>
      </c>
      <c r="BE72" s="269"/>
      <c r="BF72" s="350" t="s">
        <v>533</v>
      </c>
      <c r="BG72" s="351"/>
      <c r="BH72" s="275" t="s">
        <v>532</v>
      </c>
      <c r="BI72" s="275"/>
      <c r="BJ72" s="269" t="s">
        <v>533</v>
      </c>
      <c r="BK72" s="269"/>
      <c r="BL72" s="275" t="s">
        <v>532</v>
      </c>
      <c r="BM72" s="275"/>
      <c r="BN72" s="275" t="s">
        <v>534</v>
      </c>
      <c r="BO72" s="275"/>
      <c r="BP72" s="275" t="s">
        <v>532</v>
      </c>
      <c r="BQ72" s="275"/>
      <c r="BR72" s="275" t="s">
        <v>533</v>
      </c>
      <c r="BS72" s="275"/>
      <c r="BT72" s="275" t="s">
        <v>533</v>
      </c>
      <c r="BU72" s="275"/>
      <c r="BV72" s="269" t="s">
        <v>533</v>
      </c>
      <c r="BW72" s="269"/>
      <c r="BX72" s="275" t="s">
        <v>533</v>
      </c>
      <c r="BY72" s="275"/>
      <c r="BZ72" s="275" t="s">
        <v>533</v>
      </c>
      <c r="CA72" s="275"/>
      <c r="CB72" s="275" t="s">
        <v>533</v>
      </c>
      <c r="CC72" s="275"/>
      <c r="CD72" s="275" t="s">
        <v>533</v>
      </c>
      <c r="CE72" s="275"/>
      <c r="CF72" s="275" t="s">
        <v>533</v>
      </c>
      <c r="CG72" s="275"/>
      <c r="CH72" s="275" t="s">
        <v>536</v>
      </c>
      <c r="CI72" s="275"/>
      <c r="CJ72" s="348" t="s">
        <v>532</v>
      </c>
      <c r="CK72" s="349"/>
      <c r="CL72" s="275" t="s">
        <v>533</v>
      </c>
      <c r="CM72" s="275"/>
      <c r="CN72" s="275" t="s">
        <v>533</v>
      </c>
      <c r="CO72" s="275"/>
      <c r="CP72" s="269" t="s">
        <v>533</v>
      </c>
      <c r="CQ72" s="269"/>
      <c r="CR72" s="348" t="s">
        <v>533</v>
      </c>
      <c r="CS72" s="349"/>
      <c r="CT72" s="275" t="s">
        <v>533</v>
      </c>
      <c r="CU72" s="275"/>
      <c r="CV72" s="269" t="s">
        <v>533</v>
      </c>
      <c r="CW72" s="269"/>
      <c r="CX72" s="275" t="s">
        <v>532</v>
      </c>
      <c r="CY72" s="275"/>
      <c r="CZ72" s="269" t="s">
        <v>532</v>
      </c>
      <c r="DA72" s="269"/>
      <c r="DB72" s="348" t="s">
        <v>533</v>
      </c>
      <c r="DC72" s="349"/>
      <c r="DD72" s="275" t="s">
        <v>532</v>
      </c>
      <c r="DE72" s="275"/>
      <c r="DF72" s="275" t="s">
        <v>532</v>
      </c>
      <c r="DG72" s="275"/>
      <c r="DH72" s="269" t="s">
        <v>533</v>
      </c>
      <c r="DI72" s="269"/>
      <c r="DJ72" s="275" t="s">
        <v>533</v>
      </c>
      <c r="DK72" s="275"/>
    </row>
    <row r="73" spans="1:115" ht="10" customHeight="1">
      <c r="A73" s="431"/>
      <c r="B73" s="346" t="s">
        <v>537</v>
      </c>
      <c r="C73" s="346"/>
      <c r="D73" s="346"/>
      <c r="E73" s="347"/>
      <c r="F73" s="335">
        <v>43739</v>
      </c>
      <c r="G73" s="335"/>
      <c r="H73" s="335">
        <v>43739</v>
      </c>
      <c r="I73" s="335"/>
      <c r="J73" s="335">
        <v>43922</v>
      </c>
      <c r="K73" s="335"/>
      <c r="L73" s="335">
        <v>43739</v>
      </c>
      <c r="M73" s="335"/>
      <c r="N73" s="334">
        <v>43922</v>
      </c>
      <c r="O73" s="334"/>
      <c r="P73" s="335">
        <v>43739</v>
      </c>
      <c r="Q73" s="335"/>
      <c r="R73" s="335">
        <v>43739</v>
      </c>
      <c r="S73" s="335"/>
      <c r="T73" s="335">
        <v>43739</v>
      </c>
      <c r="U73" s="335"/>
      <c r="V73" s="335">
        <v>43739</v>
      </c>
      <c r="W73" s="335"/>
      <c r="X73" s="335">
        <v>43739</v>
      </c>
      <c r="Y73" s="335"/>
      <c r="Z73" s="335">
        <v>43739</v>
      </c>
      <c r="AA73" s="335"/>
      <c r="AB73" s="335">
        <v>43739</v>
      </c>
      <c r="AC73" s="335"/>
      <c r="AD73" s="334">
        <v>43739</v>
      </c>
      <c r="AE73" s="334"/>
      <c r="AF73" s="345">
        <v>43739</v>
      </c>
      <c r="AG73" s="345"/>
      <c r="AH73" s="334">
        <v>43739</v>
      </c>
      <c r="AI73" s="334"/>
      <c r="AJ73" s="334">
        <v>43739</v>
      </c>
      <c r="AK73" s="334"/>
      <c r="AL73" s="335">
        <v>43739</v>
      </c>
      <c r="AM73" s="335"/>
      <c r="AN73" s="335">
        <v>43739</v>
      </c>
      <c r="AO73" s="335"/>
      <c r="AP73" s="334">
        <v>45748</v>
      </c>
      <c r="AQ73" s="334"/>
      <c r="AR73" s="334">
        <v>43739</v>
      </c>
      <c r="AS73" s="334"/>
      <c r="AT73" s="335">
        <v>44774</v>
      </c>
      <c r="AU73" s="335"/>
      <c r="AV73" s="335">
        <v>43739</v>
      </c>
      <c r="AW73" s="335"/>
      <c r="AX73" s="334">
        <v>45383</v>
      </c>
      <c r="AY73" s="334"/>
      <c r="AZ73" s="334">
        <v>43739</v>
      </c>
      <c r="BA73" s="334"/>
      <c r="BB73" s="335">
        <v>43739</v>
      </c>
      <c r="BC73" s="335"/>
      <c r="BD73" s="334">
        <v>43739</v>
      </c>
      <c r="BE73" s="334"/>
      <c r="BF73" s="343">
        <v>43739</v>
      </c>
      <c r="BG73" s="344"/>
      <c r="BH73" s="335">
        <v>43739</v>
      </c>
      <c r="BI73" s="335"/>
      <c r="BJ73" s="334">
        <v>43739</v>
      </c>
      <c r="BK73" s="334"/>
      <c r="BL73" s="335">
        <v>43739</v>
      </c>
      <c r="BM73" s="335"/>
      <c r="BN73" s="335">
        <v>43739</v>
      </c>
      <c r="BO73" s="335"/>
      <c r="BP73" s="335">
        <v>43739</v>
      </c>
      <c r="BQ73" s="335"/>
      <c r="BR73" s="335">
        <v>43739</v>
      </c>
      <c r="BS73" s="335"/>
      <c r="BT73" s="335">
        <v>43739</v>
      </c>
      <c r="BU73" s="335"/>
      <c r="BV73" s="334">
        <v>43739</v>
      </c>
      <c r="BW73" s="334"/>
      <c r="BX73" s="335">
        <v>43739</v>
      </c>
      <c r="BY73" s="335"/>
      <c r="BZ73" s="335">
        <v>43739</v>
      </c>
      <c r="CA73" s="335"/>
      <c r="CB73" s="335">
        <v>43739</v>
      </c>
      <c r="CC73" s="335"/>
      <c r="CD73" s="335">
        <v>43739</v>
      </c>
      <c r="CE73" s="335"/>
      <c r="CF73" s="335">
        <v>43739</v>
      </c>
      <c r="CG73" s="335"/>
      <c r="CH73" s="334">
        <v>43739</v>
      </c>
      <c r="CI73" s="334"/>
      <c r="CJ73" s="334">
        <v>43739</v>
      </c>
      <c r="CK73" s="334"/>
      <c r="CL73" s="335">
        <v>43739</v>
      </c>
      <c r="CM73" s="335"/>
      <c r="CN73" s="335">
        <v>43739</v>
      </c>
      <c r="CO73" s="335"/>
      <c r="CP73" s="334">
        <v>43739</v>
      </c>
      <c r="CQ73" s="334"/>
      <c r="CR73" s="335">
        <v>44835</v>
      </c>
      <c r="CS73" s="335"/>
      <c r="CT73" s="335">
        <v>43739</v>
      </c>
      <c r="CU73" s="335"/>
      <c r="CV73" s="334">
        <v>43739</v>
      </c>
      <c r="CW73" s="334"/>
      <c r="CX73" s="335">
        <v>43739</v>
      </c>
      <c r="CY73" s="335"/>
      <c r="CZ73" s="334">
        <v>43739</v>
      </c>
      <c r="DA73" s="334"/>
      <c r="DB73" s="334">
        <v>43739</v>
      </c>
      <c r="DC73" s="334"/>
      <c r="DD73" s="335">
        <v>43739</v>
      </c>
      <c r="DE73" s="335"/>
      <c r="DF73" s="335">
        <v>43739</v>
      </c>
      <c r="DG73" s="335"/>
      <c r="DH73" s="334">
        <v>43739</v>
      </c>
      <c r="DI73" s="334"/>
      <c r="DJ73" s="335">
        <v>43739</v>
      </c>
      <c r="DK73" s="335"/>
    </row>
    <row r="74" spans="1:115" ht="10" customHeight="1">
      <c r="A74" s="431"/>
      <c r="B74" s="336" t="s">
        <v>538</v>
      </c>
      <c r="C74" s="339" t="s">
        <v>539</v>
      </c>
      <c r="D74" s="341" t="s">
        <v>540</v>
      </c>
      <c r="E74" s="342"/>
      <c r="F74" s="328" t="s">
        <v>747</v>
      </c>
      <c r="G74" s="328"/>
      <c r="H74" s="328" t="s">
        <v>747</v>
      </c>
      <c r="I74" s="328"/>
      <c r="J74" s="328" t="s">
        <v>747</v>
      </c>
      <c r="K74" s="328"/>
      <c r="L74" s="328" t="s">
        <v>747</v>
      </c>
      <c r="M74" s="328"/>
      <c r="N74" s="329" t="s">
        <v>747</v>
      </c>
      <c r="O74" s="329"/>
      <c r="P74" s="328" t="s">
        <v>747</v>
      </c>
      <c r="Q74" s="328"/>
      <c r="R74" s="328" t="s">
        <v>747</v>
      </c>
      <c r="S74" s="328"/>
      <c r="T74" s="328" t="s">
        <v>747</v>
      </c>
      <c r="U74" s="328"/>
      <c r="V74" s="328" t="s">
        <v>747</v>
      </c>
      <c r="W74" s="328"/>
      <c r="X74" s="328" t="s">
        <v>620</v>
      </c>
      <c r="Y74" s="328"/>
      <c r="Z74" s="328" t="s">
        <v>747</v>
      </c>
      <c r="AA74" s="328"/>
      <c r="AB74" s="328" t="s">
        <v>747</v>
      </c>
      <c r="AC74" s="328"/>
      <c r="AD74" s="329" t="s">
        <v>747</v>
      </c>
      <c r="AE74" s="329"/>
      <c r="AF74" s="330" t="s">
        <v>747</v>
      </c>
      <c r="AG74" s="330"/>
      <c r="AH74" s="329" t="s">
        <v>747</v>
      </c>
      <c r="AI74" s="329"/>
      <c r="AJ74" s="329" t="s">
        <v>747</v>
      </c>
      <c r="AK74" s="329"/>
      <c r="AL74" s="328" t="s">
        <v>620</v>
      </c>
      <c r="AM74" s="328"/>
      <c r="AN74" s="328" t="s">
        <v>620</v>
      </c>
      <c r="AO74" s="328"/>
      <c r="AP74" s="328" t="s">
        <v>747</v>
      </c>
      <c r="AQ74" s="328"/>
      <c r="AR74" s="326" t="s">
        <v>747</v>
      </c>
      <c r="AS74" s="327"/>
      <c r="AT74" s="329" t="s">
        <v>747</v>
      </c>
      <c r="AU74" s="329"/>
      <c r="AV74" s="328" t="s">
        <v>747</v>
      </c>
      <c r="AW74" s="328"/>
      <c r="AX74" s="329" t="s">
        <v>747</v>
      </c>
      <c r="AY74" s="329"/>
      <c r="AZ74" s="329" t="s">
        <v>747</v>
      </c>
      <c r="BA74" s="329"/>
      <c r="BB74" s="328" t="s">
        <v>747</v>
      </c>
      <c r="BC74" s="328"/>
      <c r="BD74" s="329" t="s">
        <v>747</v>
      </c>
      <c r="BE74" s="329"/>
      <c r="BF74" s="332" t="s">
        <v>620</v>
      </c>
      <c r="BG74" s="333"/>
      <c r="BH74" s="328" t="s">
        <v>747</v>
      </c>
      <c r="BI74" s="328"/>
      <c r="BJ74" s="329" t="s">
        <v>747</v>
      </c>
      <c r="BK74" s="329"/>
      <c r="BL74" s="328" t="s">
        <v>747</v>
      </c>
      <c r="BM74" s="328"/>
      <c r="BN74" s="328" t="s">
        <v>747</v>
      </c>
      <c r="BO74" s="328"/>
      <c r="BP74" s="328" t="s">
        <v>747</v>
      </c>
      <c r="BQ74" s="328"/>
      <c r="BR74" s="328" t="s">
        <v>747</v>
      </c>
      <c r="BS74" s="328"/>
      <c r="BT74" s="328" t="s">
        <v>747</v>
      </c>
      <c r="BU74" s="328"/>
      <c r="BV74" s="329" t="s">
        <v>747</v>
      </c>
      <c r="BW74" s="329"/>
      <c r="BX74" s="328" t="s">
        <v>747</v>
      </c>
      <c r="BY74" s="328"/>
      <c r="BZ74" s="328" t="s">
        <v>747</v>
      </c>
      <c r="CA74" s="328"/>
      <c r="CB74" s="328" t="s">
        <v>747</v>
      </c>
      <c r="CC74" s="328"/>
      <c r="CD74" s="328" t="s">
        <v>747</v>
      </c>
      <c r="CE74" s="328"/>
      <c r="CF74" s="328" t="s">
        <v>747</v>
      </c>
      <c r="CG74" s="328"/>
      <c r="CH74" s="328" t="s">
        <v>747</v>
      </c>
      <c r="CI74" s="328"/>
      <c r="CJ74" s="329"/>
      <c r="CK74" s="329"/>
      <c r="CL74" s="328" t="s">
        <v>620</v>
      </c>
      <c r="CM74" s="328"/>
      <c r="CN74" s="328" t="s">
        <v>747</v>
      </c>
      <c r="CO74" s="328"/>
      <c r="CP74" s="329" t="s">
        <v>747</v>
      </c>
      <c r="CQ74" s="329"/>
      <c r="CR74" s="329" t="s">
        <v>747</v>
      </c>
      <c r="CS74" s="329"/>
      <c r="CT74" s="328" t="s">
        <v>747</v>
      </c>
      <c r="CU74" s="328"/>
      <c r="CV74" s="329" t="s">
        <v>747</v>
      </c>
      <c r="CW74" s="329"/>
      <c r="CX74" s="328"/>
      <c r="CY74" s="328"/>
      <c r="CZ74" s="329"/>
      <c r="DA74" s="329"/>
      <c r="DB74" s="326" t="s">
        <v>747</v>
      </c>
      <c r="DC74" s="327"/>
      <c r="DD74" s="328" t="s">
        <v>747</v>
      </c>
      <c r="DE74" s="328"/>
      <c r="DF74" s="328" t="s">
        <v>620</v>
      </c>
      <c r="DG74" s="328"/>
      <c r="DH74" s="329" t="s">
        <v>620</v>
      </c>
      <c r="DI74" s="329"/>
      <c r="DJ74" s="328" t="s">
        <v>747</v>
      </c>
      <c r="DK74" s="328"/>
    </row>
    <row r="75" spans="1:115" ht="10" customHeight="1">
      <c r="A75" s="431"/>
      <c r="B75" s="337"/>
      <c r="C75" s="340"/>
      <c r="D75" s="331" t="s">
        <v>541</v>
      </c>
      <c r="E75" s="325"/>
      <c r="F75" s="315"/>
      <c r="G75" s="315"/>
      <c r="H75" s="315"/>
      <c r="I75" s="315"/>
      <c r="J75" s="315"/>
      <c r="K75" s="315"/>
      <c r="L75" s="315"/>
      <c r="M75" s="315"/>
      <c r="N75" s="316"/>
      <c r="O75" s="316"/>
      <c r="P75" s="315"/>
      <c r="Q75" s="315"/>
      <c r="R75" s="315"/>
      <c r="S75" s="315"/>
      <c r="T75" s="315"/>
      <c r="U75" s="315"/>
      <c r="V75" s="315"/>
      <c r="W75" s="315"/>
      <c r="X75" s="315"/>
      <c r="Y75" s="315"/>
      <c r="Z75" s="315"/>
      <c r="AA75" s="315"/>
      <c r="AB75" s="315"/>
      <c r="AC75" s="315"/>
      <c r="AD75" s="316"/>
      <c r="AE75" s="316"/>
      <c r="AF75" s="319"/>
      <c r="AG75" s="319"/>
      <c r="AH75" s="316"/>
      <c r="AI75" s="316"/>
      <c r="AJ75" s="316"/>
      <c r="AK75" s="316"/>
      <c r="AL75" s="315"/>
      <c r="AM75" s="315"/>
      <c r="AN75" s="315"/>
      <c r="AO75" s="315"/>
      <c r="AP75" s="315"/>
      <c r="AQ75" s="315"/>
      <c r="AR75" s="313"/>
      <c r="AS75" s="314"/>
      <c r="AT75" s="316"/>
      <c r="AU75" s="316"/>
      <c r="AV75" s="315"/>
      <c r="AW75" s="315"/>
      <c r="AX75" s="316"/>
      <c r="AY75" s="316"/>
      <c r="AZ75" s="316"/>
      <c r="BA75" s="316"/>
      <c r="BB75" s="315"/>
      <c r="BC75" s="315"/>
      <c r="BD75" s="316"/>
      <c r="BE75" s="316"/>
      <c r="BF75" s="317"/>
      <c r="BG75" s="318"/>
      <c r="BH75" s="315"/>
      <c r="BI75" s="315"/>
      <c r="BJ75" s="316"/>
      <c r="BK75" s="316"/>
      <c r="BL75" s="315"/>
      <c r="BM75" s="315"/>
      <c r="BN75" s="315"/>
      <c r="BO75" s="315"/>
      <c r="BP75" s="315"/>
      <c r="BQ75" s="315"/>
      <c r="BR75" s="315"/>
      <c r="BS75" s="315"/>
      <c r="BT75" s="315"/>
      <c r="BU75" s="315"/>
      <c r="BV75" s="316"/>
      <c r="BW75" s="316"/>
      <c r="BX75" s="315"/>
      <c r="BY75" s="315"/>
      <c r="BZ75" s="315"/>
      <c r="CA75" s="315"/>
      <c r="CB75" s="315"/>
      <c r="CC75" s="315"/>
      <c r="CD75" s="315"/>
      <c r="CE75" s="315"/>
      <c r="CF75" s="315"/>
      <c r="CG75" s="315"/>
      <c r="CH75" s="315"/>
      <c r="CI75" s="315"/>
      <c r="CJ75" s="316" t="s">
        <v>747</v>
      </c>
      <c r="CK75" s="316"/>
      <c r="CL75" s="315"/>
      <c r="CM75" s="315"/>
      <c r="CN75" s="315"/>
      <c r="CO75" s="315"/>
      <c r="CP75" s="316"/>
      <c r="CQ75" s="316"/>
      <c r="CR75" s="316"/>
      <c r="CS75" s="316"/>
      <c r="CT75" s="315"/>
      <c r="CU75" s="315"/>
      <c r="CV75" s="316"/>
      <c r="CW75" s="316"/>
      <c r="CX75" s="315" t="s">
        <v>747</v>
      </c>
      <c r="CY75" s="315"/>
      <c r="CZ75" s="316" t="s">
        <v>747</v>
      </c>
      <c r="DA75" s="316"/>
      <c r="DB75" s="313"/>
      <c r="DC75" s="314"/>
      <c r="DD75" s="315"/>
      <c r="DE75" s="315"/>
      <c r="DF75" s="315"/>
      <c r="DG75" s="315"/>
      <c r="DH75" s="316"/>
      <c r="DI75" s="316"/>
      <c r="DJ75" s="315"/>
      <c r="DK75" s="315"/>
    </row>
    <row r="76" spans="1:115" ht="10" customHeight="1">
      <c r="A76" s="431"/>
      <c r="B76" s="337"/>
      <c r="C76" s="324" t="s">
        <v>542</v>
      </c>
      <c r="D76" s="324"/>
      <c r="E76" s="325"/>
      <c r="F76" s="315"/>
      <c r="G76" s="315"/>
      <c r="H76" s="315"/>
      <c r="I76" s="315"/>
      <c r="J76" s="315"/>
      <c r="K76" s="315"/>
      <c r="L76" s="315"/>
      <c r="M76" s="315"/>
      <c r="N76" s="316"/>
      <c r="O76" s="316"/>
      <c r="P76" s="315"/>
      <c r="Q76" s="315"/>
      <c r="R76" s="315"/>
      <c r="S76" s="315"/>
      <c r="T76" s="315"/>
      <c r="U76" s="315"/>
      <c r="V76" s="315"/>
      <c r="W76" s="315"/>
      <c r="X76" s="315"/>
      <c r="Y76" s="315"/>
      <c r="Z76" s="315"/>
      <c r="AA76" s="315"/>
      <c r="AB76" s="315"/>
      <c r="AC76" s="315"/>
      <c r="AD76" s="316"/>
      <c r="AE76" s="316"/>
      <c r="AF76" s="319"/>
      <c r="AG76" s="319"/>
      <c r="AH76" s="316"/>
      <c r="AI76" s="316"/>
      <c r="AJ76" s="316"/>
      <c r="AK76" s="316"/>
      <c r="AL76" s="315"/>
      <c r="AM76" s="315"/>
      <c r="AN76" s="315"/>
      <c r="AO76" s="315"/>
      <c r="AP76" s="315"/>
      <c r="AQ76" s="315"/>
      <c r="AR76" s="313"/>
      <c r="AS76" s="314"/>
      <c r="AT76" s="316"/>
      <c r="AU76" s="316"/>
      <c r="AV76" s="315"/>
      <c r="AW76" s="315"/>
      <c r="AX76" s="316"/>
      <c r="AY76" s="316"/>
      <c r="AZ76" s="316"/>
      <c r="BA76" s="316"/>
      <c r="BB76" s="315"/>
      <c r="BC76" s="315"/>
      <c r="BD76" s="316"/>
      <c r="BE76" s="316"/>
      <c r="BF76" s="317"/>
      <c r="BG76" s="318"/>
      <c r="BH76" s="315"/>
      <c r="BI76" s="315"/>
      <c r="BJ76" s="316"/>
      <c r="BK76" s="316"/>
      <c r="BL76" s="315"/>
      <c r="BM76" s="315"/>
      <c r="BN76" s="315"/>
      <c r="BO76" s="315"/>
      <c r="BP76" s="315"/>
      <c r="BQ76" s="315"/>
      <c r="BR76" s="315"/>
      <c r="BS76" s="315"/>
      <c r="BT76" s="315"/>
      <c r="BU76" s="315"/>
      <c r="BV76" s="316"/>
      <c r="BW76" s="316"/>
      <c r="BX76" s="315"/>
      <c r="BY76" s="315"/>
      <c r="BZ76" s="315"/>
      <c r="CA76" s="315"/>
      <c r="CB76" s="315"/>
      <c r="CC76" s="315"/>
      <c r="CD76" s="315"/>
      <c r="CE76" s="315"/>
      <c r="CF76" s="315"/>
      <c r="CG76" s="315"/>
      <c r="CH76" s="315"/>
      <c r="CI76" s="315"/>
      <c r="CJ76" s="316"/>
      <c r="CK76" s="316"/>
      <c r="CL76" s="315"/>
      <c r="CM76" s="315"/>
      <c r="CN76" s="315"/>
      <c r="CO76" s="315"/>
      <c r="CP76" s="316"/>
      <c r="CQ76" s="316"/>
      <c r="CR76" s="316"/>
      <c r="CS76" s="316"/>
      <c r="CT76" s="315"/>
      <c r="CU76" s="315"/>
      <c r="CV76" s="316"/>
      <c r="CW76" s="316"/>
      <c r="CX76" s="315"/>
      <c r="CY76" s="315"/>
      <c r="CZ76" s="316"/>
      <c r="DA76" s="316"/>
      <c r="DB76" s="313"/>
      <c r="DC76" s="314"/>
      <c r="DD76" s="315"/>
      <c r="DE76" s="315"/>
      <c r="DF76" s="315"/>
      <c r="DG76" s="315"/>
      <c r="DH76" s="316"/>
      <c r="DI76" s="316"/>
      <c r="DJ76" s="315"/>
      <c r="DK76" s="315"/>
    </row>
    <row r="77" spans="1:115" ht="10" customHeight="1">
      <c r="A77" s="431"/>
      <c r="B77" s="337"/>
      <c r="C77" s="320" t="s">
        <v>147</v>
      </c>
      <c r="D77" s="320"/>
      <c r="E77" s="321"/>
      <c r="F77" s="315"/>
      <c r="G77" s="315"/>
      <c r="H77" s="315"/>
      <c r="I77" s="315"/>
      <c r="J77" s="315"/>
      <c r="K77" s="315"/>
      <c r="L77" s="315"/>
      <c r="M77" s="315"/>
      <c r="N77" s="316"/>
      <c r="O77" s="316"/>
      <c r="P77" s="315"/>
      <c r="Q77" s="315"/>
      <c r="R77" s="315"/>
      <c r="S77" s="315"/>
      <c r="T77" s="315"/>
      <c r="U77" s="315"/>
      <c r="V77" s="315"/>
      <c r="W77" s="315"/>
      <c r="X77" s="315"/>
      <c r="Y77" s="315"/>
      <c r="Z77" s="315"/>
      <c r="AA77" s="315"/>
      <c r="AB77" s="315"/>
      <c r="AC77" s="315"/>
      <c r="AD77" s="316"/>
      <c r="AE77" s="316"/>
      <c r="AF77" s="319"/>
      <c r="AG77" s="319"/>
      <c r="AH77" s="316"/>
      <c r="AI77" s="316"/>
      <c r="AJ77" s="316"/>
      <c r="AK77" s="316"/>
      <c r="AL77" s="315"/>
      <c r="AM77" s="315"/>
      <c r="AN77" s="315"/>
      <c r="AO77" s="315"/>
      <c r="AP77" s="315"/>
      <c r="AQ77" s="315"/>
      <c r="AR77" s="313"/>
      <c r="AS77" s="314"/>
      <c r="AT77" s="316"/>
      <c r="AU77" s="316"/>
      <c r="AV77" s="315"/>
      <c r="AW77" s="315"/>
      <c r="AX77" s="316"/>
      <c r="AY77" s="316"/>
      <c r="AZ77" s="316"/>
      <c r="BA77" s="316"/>
      <c r="BB77" s="315"/>
      <c r="BC77" s="315"/>
      <c r="BD77" s="316"/>
      <c r="BE77" s="316"/>
      <c r="BF77" s="317"/>
      <c r="BG77" s="318"/>
      <c r="BH77" s="315"/>
      <c r="BI77" s="315"/>
      <c r="BJ77" s="316"/>
      <c r="BK77" s="316"/>
      <c r="BL77" s="315"/>
      <c r="BM77" s="315"/>
      <c r="BN77" s="315"/>
      <c r="BO77" s="315"/>
      <c r="BP77" s="315"/>
      <c r="BQ77" s="315"/>
      <c r="BR77" s="315"/>
      <c r="BS77" s="315"/>
      <c r="BT77" s="315"/>
      <c r="BU77" s="315"/>
      <c r="BV77" s="316"/>
      <c r="BW77" s="316"/>
      <c r="BX77" s="315"/>
      <c r="BY77" s="315"/>
      <c r="BZ77" s="315"/>
      <c r="CA77" s="315"/>
      <c r="CB77" s="315"/>
      <c r="CC77" s="315"/>
      <c r="CD77" s="315"/>
      <c r="CE77" s="315"/>
      <c r="CF77" s="315"/>
      <c r="CG77" s="315"/>
      <c r="CH77" s="315"/>
      <c r="CI77" s="315"/>
      <c r="CJ77" s="316"/>
      <c r="CK77" s="316"/>
      <c r="CL77" s="315"/>
      <c r="CM77" s="315"/>
      <c r="CN77" s="315"/>
      <c r="CO77" s="315"/>
      <c r="CP77" s="316"/>
      <c r="CQ77" s="316"/>
      <c r="CR77" s="316"/>
      <c r="CS77" s="316"/>
      <c r="CT77" s="315"/>
      <c r="CU77" s="315"/>
      <c r="CV77" s="316"/>
      <c r="CW77" s="316"/>
      <c r="CX77" s="315"/>
      <c r="CY77" s="315"/>
      <c r="CZ77" s="316"/>
      <c r="DA77" s="316"/>
      <c r="DB77" s="313"/>
      <c r="DC77" s="314"/>
      <c r="DD77" s="315"/>
      <c r="DE77" s="315"/>
      <c r="DF77" s="315"/>
      <c r="DG77" s="315"/>
      <c r="DH77" s="316"/>
      <c r="DI77" s="316"/>
      <c r="DJ77" s="315"/>
      <c r="DK77" s="315"/>
    </row>
    <row r="78" spans="1:115" ht="10" customHeight="1">
      <c r="A78" s="431"/>
      <c r="B78" s="338"/>
      <c r="C78" s="322"/>
      <c r="D78" s="322"/>
      <c r="E78" s="323"/>
      <c r="F78" s="301"/>
      <c r="G78" s="301"/>
      <c r="H78" s="301"/>
      <c r="I78" s="301"/>
      <c r="J78" s="301"/>
      <c r="K78" s="301"/>
      <c r="L78" s="301"/>
      <c r="M78" s="301"/>
      <c r="N78" s="300"/>
      <c r="O78" s="300"/>
      <c r="P78" s="301"/>
      <c r="Q78" s="301"/>
      <c r="R78" s="301"/>
      <c r="S78" s="301"/>
      <c r="T78" s="301"/>
      <c r="U78" s="301"/>
      <c r="V78" s="301"/>
      <c r="W78" s="301"/>
      <c r="X78" s="301"/>
      <c r="Y78" s="301"/>
      <c r="Z78" s="301"/>
      <c r="AA78" s="301"/>
      <c r="AB78" s="301"/>
      <c r="AC78" s="301"/>
      <c r="AD78" s="300"/>
      <c r="AE78" s="300"/>
      <c r="AF78" s="312"/>
      <c r="AG78" s="312"/>
      <c r="AH78" s="300"/>
      <c r="AI78" s="300"/>
      <c r="AJ78" s="300"/>
      <c r="AK78" s="300"/>
      <c r="AL78" s="301"/>
      <c r="AM78" s="301"/>
      <c r="AN78" s="301"/>
      <c r="AO78" s="301"/>
      <c r="AP78" s="301"/>
      <c r="AQ78" s="301"/>
      <c r="AR78" s="308"/>
      <c r="AS78" s="309"/>
      <c r="AT78" s="300"/>
      <c r="AU78" s="300"/>
      <c r="AV78" s="301"/>
      <c r="AW78" s="301"/>
      <c r="AX78" s="300"/>
      <c r="AY78" s="300"/>
      <c r="AZ78" s="300"/>
      <c r="BA78" s="300"/>
      <c r="BB78" s="301"/>
      <c r="BC78" s="301"/>
      <c r="BD78" s="300"/>
      <c r="BE78" s="300"/>
      <c r="BF78" s="310"/>
      <c r="BG78" s="311"/>
      <c r="BH78" s="301"/>
      <c r="BI78" s="301"/>
      <c r="BJ78" s="300"/>
      <c r="BK78" s="300"/>
      <c r="BL78" s="301"/>
      <c r="BM78" s="301"/>
      <c r="BN78" s="301"/>
      <c r="BO78" s="301"/>
      <c r="BP78" s="301"/>
      <c r="BQ78" s="301"/>
      <c r="BR78" s="301"/>
      <c r="BS78" s="301"/>
      <c r="BT78" s="301"/>
      <c r="BU78" s="301"/>
      <c r="BV78" s="300"/>
      <c r="BW78" s="300"/>
      <c r="BX78" s="301"/>
      <c r="BY78" s="301"/>
      <c r="BZ78" s="301"/>
      <c r="CA78" s="301"/>
      <c r="CB78" s="301"/>
      <c r="CC78" s="301"/>
      <c r="CD78" s="301"/>
      <c r="CE78" s="301"/>
      <c r="CF78" s="301"/>
      <c r="CG78" s="301"/>
      <c r="CH78" s="301"/>
      <c r="CI78" s="301"/>
      <c r="CJ78" s="300"/>
      <c r="CK78" s="300"/>
      <c r="CL78" s="301"/>
      <c r="CM78" s="301"/>
      <c r="CN78" s="301"/>
      <c r="CO78" s="301"/>
      <c r="CP78" s="300"/>
      <c r="CQ78" s="300"/>
      <c r="CR78" s="300"/>
      <c r="CS78" s="300"/>
      <c r="CT78" s="301"/>
      <c r="CU78" s="301"/>
      <c r="CV78" s="300"/>
      <c r="CW78" s="300"/>
      <c r="CX78" s="301"/>
      <c r="CY78" s="301"/>
      <c r="CZ78" s="300"/>
      <c r="DA78" s="300"/>
      <c r="DB78" s="308"/>
      <c r="DC78" s="309"/>
      <c r="DD78" s="301"/>
      <c r="DE78" s="301"/>
      <c r="DF78" s="301"/>
      <c r="DG78" s="301"/>
      <c r="DH78" s="300"/>
      <c r="DI78" s="300"/>
      <c r="DJ78" s="301"/>
      <c r="DK78" s="301"/>
    </row>
    <row r="79" spans="1:115" ht="10" customHeight="1">
      <c r="A79" s="431"/>
      <c r="B79" s="302" t="s">
        <v>521</v>
      </c>
      <c r="C79" s="303"/>
      <c r="D79" s="303"/>
      <c r="E79" s="304"/>
      <c r="F79" s="277" t="s">
        <v>748</v>
      </c>
      <c r="G79" s="278"/>
      <c r="H79" s="277" t="s">
        <v>522</v>
      </c>
      <c r="I79" s="278"/>
      <c r="J79" s="277" t="s">
        <v>749</v>
      </c>
      <c r="K79" s="278"/>
      <c r="L79" s="277" t="s">
        <v>523</v>
      </c>
      <c r="M79" s="278"/>
      <c r="N79" s="290" t="s">
        <v>749</v>
      </c>
      <c r="O79" s="297"/>
      <c r="P79" s="277" t="s">
        <v>748</v>
      </c>
      <c r="Q79" s="278"/>
      <c r="R79" s="277" t="s">
        <v>522</v>
      </c>
      <c r="S79" s="278"/>
      <c r="T79" s="277" t="s">
        <v>523</v>
      </c>
      <c r="U79" s="294"/>
      <c r="V79" s="277" t="s">
        <v>749</v>
      </c>
      <c r="W79" s="278"/>
      <c r="X79" s="277" t="s">
        <v>748</v>
      </c>
      <c r="Y79" s="278"/>
      <c r="Z79" s="277" t="s">
        <v>749</v>
      </c>
      <c r="AA79" s="278"/>
      <c r="AB79" s="277" t="s">
        <v>750</v>
      </c>
      <c r="AC79" s="278"/>
      <c r="AD79" s="290" t="s">
        <v>522</v>
      </c>
      <c r="AE79" s="297"/>
      <c r="AF79" s="286" t="s">
        <v>740</v>
      </c>
      <c r="AG79" s="287"/>
      <c r="AH79" s="290" t="s">
        <v>749</v>
      </c>
      <c r="AI79" s="291"/>
      <c r="AJ79" s="269" t="s">
        <v>751</v>
      </c>
      <c r="AK79" s="270"/>
      <c r="AL79" s="275" t="s">
        <v>522</v>
      </c>
      <c r="AM79" s="276"/>
      <c r="AN79" s="275" t="s">
        <v>748</v>
      </c>
      <c r="AO79" s="276"/>
      <c r="AP79" s="275" t="s">
        <v>752</v>
      </c>
      <c r="AQ79" s="276"/>
      <c r="AR79" s="281" t="s">
        <v>748</v>
      </c>
      <c r="AS79" s="282"/>
      <c r="AT79" s="269" t="s">
        <v>522</v>
      </c>
      <c r="AU79" s="270"/>
      <c r="AV79" s="275" t="s">
        <v>522</v>
      </c>
      <c r="AW79" s="276"/>
      <c r="AX79" s="269" t="s">
        <v>522</v>
      </c>
      <c r="AY79" s="270"/>
      <c r="AZ79" s="269" t="s">
        <v>522</v>
      </c>
      <c r="BA79" s="270"/>
      <c r="BB79" s="275" t="s">
        <v>748</v>
      </c>
      <c r="BC79" s="276"/>
      <c r="BD79" s="269" t="s">
        <v>523</v>
      </c>
      <c r="BE79" s="270"/>
      <c r="BF79" s="281" t="s">
        <v>753</v>
      </c>
      <c r="BG79" s="282"/>
      <c r="BH79" s="275" t="s">
        <v>522</v>
      </c>
      <c r="BI79" s="276"/>
      <c r="BJ79" s="269" t="s">
        <v>751</v>
      </c>
      <c r="BK79" s="270"/>
      <c r="BL79" s="285" t="s">
        <v>748</v>
      </c>
      <c r="BM79" s="275"/>
      <c r="BN79" s="275" t="s">
        <v>749</v>
      </c>
      <c r="BO79" s="276"/>
      <c r="BP79" s="275" t="s">
        <v>748</v>
      </c>
      <c r="BQ79" s="276"/>
      <c r="BR79" s="275" t="s">
        <v>748</v>
      </c>
      <c r="BS79" s="276"/>
      <c r="BT79" s="275" t="s">
        <v>748</v>
      </c>
      <c r="BU79" s="275"/>
      <c r="BV79" s="269" t="s">
        <v>748</v>
      </c>
      <c r="BW79" s="270"/>
      <c r="BX79" s="275" t="s">
        <v>748</v>
      </c>
      <c r="BY79" s="276"/>
      <c r="BZ79" s="275" t="s">
        <v>748</v>
      </c>
      <c r="CA79" s="276"/>
      <c r="CB79" s="275" t="s">
        <v>749</v>
      </c>
      <c r="CC79" s="276"/>
      <c r="CD79" s="275" t="s">
        <v>749</v>
      </c>
      <c r="CE79" s="276"/>
      <c r="CF79" s="275" t="s">
        <v>522</v>
      </c>
      <c r="CG79" s="276"/>
      <c r="CH79" s="275" t="s">
        <v>748</v>
      </c>
      <c r="CI79" s="276"/>
      <c r="CJ79" s="275" t="s">
        <v>748</v>
      </c>
      <c r="CK79" s="276"/>
      <c r="CL79" s="275" t="s">
        <v>749</v>
      </c>
      <c r="CM79" s="276"/>
      <c r="CN79" s="275" t="s">
        <v>749</v>
      </c>
      <c r="CO79" s="276"/>
      <c r="CP79" s="269" t="s">
        <v>748</v>
      </c>
      <c r="CQ79" s="270"/>
      <c r="CR79" s="269" t="s">
        <v>748</v>
      </c>
      <c r="CS79" s="269"/>
      <c r="CT79" s="275" t="s">
        <v>750</v>
      </c>
      <c r="CU79" s="276"/>
      <c r="CV79" s="269" t="s">
        <v>749</v>
      </c>
      <c r="CW79" s="270"/>
      <c r="CX79" s="275" t="s">
        <v>749</v>
      </c>
      <c r="CY79" s="275"/>
      <c r="CZ79" s="269" t="s">
        <v>522</v>
      </c>
      <c r="DA79" s="270"/>
      <c r="DB79" s="271" t="s">
        <v>748</v>
      </c>
      <c r="DC79" s="272"/>
      <c r="DD79" s="275" t="s">
        <v>749</v>
      </c>
      <c r="DE79" s="276"/>
      <c r="DF79" s="275" t="s">
        <v>748</v>
      </c>
      <c r="DG79" s="276"/>
      <c r="DH79" s="275" t="s">
        <v>748</v>
      </c>
      <c r="DI79" s="276"/>
      <c r="DJ79" s="277" t="s">
        <v>748</v>
      </c>
      <c r="DK79" s="278"/>
    </row>
    <row r="80" spans="1:115" ht="10" customHeight="1">
      <c r="A80" s="431"/>
      <c r="B80" s="305"/>
      <c r="C80" s="306"/>
      <c r="D80" s="306"/>
      <c r="E80" s="307"/>
      <c r="F80" s="279"/>
      <c r="G80" s="280"/>
      <c r="H80" s="279"/>
      <c r="I80" s="280"/>
      <c r="J80" s="279"/>
      <c r="K80" s="280"/>
      <c r="L80" s="279"/>
      <c r="M80" s="280"/>
      <c r="N80" s="298"/>
      <c r="O80" s="299"/>
      <c r="P80" s="279"/>
      <c r="Q80" s="280"/>
      <c r="R80" s="279"/>
      <c r="S80" s="280"/>
      <c r="T80" s="295"/>
      <c r="U80" s="296"/>
      <c r="V80" s="279"/>
      <c r="W80" s="280"/>
      <c r="X80" s="279"/>
      <c r="Y80" s="280"/>
      <c r="Z80" s="279"/>
      <c r="AA80" s="280"/>
      <c r="AB80" s="279"/>
      <c r="AC80" s="280"/>
      <c r="AD80" s="298"/>
      <c r="AE80" s="299"/>
      <c r="AF80" s="288"/>
      <c r="AG80" s="289"/>
      <c r="AH80" s="292"/>
      <c r="AI80" s="293"/>
      <c r="AJ80" s="270"/>
      <c r="AK80" s="270"/>
      <c r="AL80" s="276"/>
      <c r="AM80" s="276"/>
      <c r="AN80" s="276"/>
      <c r="AO80" s="276"/>
      <c r="AP80" s="276"/>
      <c r="AQ80" s="276"/>
      <c r="AR80" s="283"/>
      <c r="AS80" s="284"/>
      <c r="AT80" s="270"/>
      <c r="AU80" s="270"/>
      <c r="AV80" s="276"/>
      <c r="AW80" s="276"/>
      <c r="AX80" s="270"/>
      <c r="AY80" s="270"/>
      <c r="AZ80" s="270"/>
      <c r="BA80" s="270"/>
      <c r="BB80" s="276"/>
      <c r="BC80" s="276"/>
      <c r="BD80" s="270"/>
      <c r="BE80" s="270"/>
      <c r="BF80" s="283"/>
      <c r="BG80" s="284"/>
      <c r="BH80" s="276"/>
      <c r="BI80" s="276"/>
      <c r="BJ80" s="270"/>
      <c r="BK80" s="270"/>
      <c r="BL80" s="275"/>
      <c r="BM80" s="275"/>
      <c r="BN80" s="276"/>
      <c r="BO80" s="276"/>
      <c r="BP80" s="276"/>
      <c r="BQ80" s="276"/>
      <c r="BR80" s="276"/>
      <c r="BS80" s="276"/>
      <c r="BT80" s="275"/>
      <c r="BU80" s="275"/>
      <c r="BV80" s="270"/>
      <c r="BW80" s="270"/>
      <c r="BX80" s="276"/>
      <c r="BY80" s="276"/>
      <c r="BZ80" s="276"/>
      <c r="CA80" s="276"/>
      <c r="CB80" s="276"/>
      <c r="CC80" s="276"/>
      <c r="CD80" s="276"/>
      <c r="CE80" s="276"/>
      <c r="CF80" s="276"/>
      <c r="CG80" s="276"/>
      <c r="CH80" s="276"/>
      <c r="CI80" s="276"/>
      <c r="CJ80" s="276"/>
      <c r="CK80" s="276"/>
      <c r="CL80" s="276"/>
      <c r="CM80" s="276"/>
      <c r="CN80" s="276"/>
      <c r="CO80" s="276"/>
      <c r="CP80" s="270"/>
      <c r="CQ80" s="270"/>
      <c r="CR80" s="269"/>
      <c r="CS80" s="269"/>
      <c r="CT80" s="276"/>
      <c r="CU80" s="276"/>
      <c r="CV80" s="270"/>
      <c r="CW80" s="270"/>
      <c r="CX80" s="275"/>
      <c r="CY80" s="275"/>
      <c r="CZ80" s="270"/>
      <c r="DA80" s="270"/>
      <c r="DB80" s="273"/>
      <c r="DC80" s="274"/>
      <c r="DD80" s="276"/>
      <c r="DE80" s="276"/>
      <c r="DF80" s="276"/>
      <c r="DG80" s="276"/>
      <c r="DH80" s="276"/>
      <c r="DI80" s="276"/>
      <c r="DJ80" s="279"/>
      <c r="DK80" s="280"/>
    </row>
  </sheetData>
  <mergeCells count="2010">
    <mergeCell ref="P1:Q1"/>
    <mergeCell ref="R1:S1"/>
    <mergeCell ref="T1:U1"/>
    <mergeCell ref="V1:W1"/>
    <mergeCell ref="X1:Y1"/>
    <mergeCell ref="Z1:AA1"/>
    <mergeCell ref="A1:E2"/>
    <mergeCell ref="F1:G1"/>
    <mergeCell ref="H1:I1"/>
    <mergeCell ref="J1:K1"/>
    <mergeCell ref="L1:M1"/>
    <mergeCell ref="N1:O1"/>
    <mergeCell ref="BT1:BU1"/>
    <mergeCell ref="BV1:BW1"/>
    <mergeCell ref="AZ1:BA1"/>
    <mergeCell ref="BB1:BC1"/>
    <mergeCell ref="BD1:BE1"/>
    <mergeCell ref="BF1:BG1"/>
    <mergeCell ref="BH1:BI1"/>
    <mergeCell ref="BJ1:BK1"/>
    <mergeCell ref="AN1:AO1"/>
    <mergeCell ref="AP1:AQ1"/>
    <mergeCell ref="AR1:AS1"/>
    <mergeCell ref="AT1:AU1"/>
    <mergeCell ref="AV1:AW1"/>
    <mergeCell ref="AX1:AY1"/>
    <mergeCell ref="AB1:AC1"/>
    <mergeCell ref="AD1:AE1"/>
    <mergeCell ref="AF1:AG1"/>
    <mergeCell ref="AH1:AI1"/>
    <mergeCell ref="AJ1:AK1"/>
    <mergeCell ref="AL1:AM1"/>
    <mergeCell ref="DH1:DI1"/>
    <mergeCell ref="DJ1:DK1"/>
    <mergeCell ref="F2:G2"/>
    <mergeCell ref="H2:I2"/>
    <mergeCell ref="J2:K2"/>
    <mergeCell ref="L2:M2"/>
    <mergeCell ref="N2:O2"/>
    <mergeCell ref="P2:Q2"/>
    <mergeCell ref="R2:S2"/>
    <mergeCell ref="T2:U2"/>
    <mergeCell ref="CV1:CW1"/>
    <mergeCell ref="CX1:CY1"/>
    <mergeCell ref="CZ1:DA1"/>
    <mergeCell ref="DB1:DC1"/>
    <mergeCell ref="DD1:DE1"/>
    <mergeCell ref="DF1:DG1"/>
    <mergeCell ref="CJ1:CK1"/>
    <mergeCell ref="CL1:CM1"/>
    <mergeCell ref="CN1:CO1"/>
    <mergeCell ref="CP1:CQ1"/>
    <mergeCell ref="CR1:CS1"/>
    <mergeCell ref="CT1:CU1"/>
    <mergeCell ref="BX1:BY1"/>
    <mergeCell ref="BZ1:CA1"/>
    <mergeCell ref="CB1:CC1"/>
    <mergeCell ref="CD1:CE1"/>
    <mergeCell ref="CF1:CG1"/>
    <mergeCell ref="CH1:CI1"/>
    <mergeCell ref="BL1:BM1"/>
    <mergeCell ref="BN1:BO1"/>
    <mergeCell ref="BP1:BQ1"/>
    <mergeCell ref="BR1:BS1"/>
    <mergeCell ref="A3:A51"/>
    <mergeCell ref="B3:B20"/>
    <mergeCell ref="C3:E3"/>
    <mergeCell ref="C4:E4"/>
    <mergeCell ref="C5:E5"/>
    <mergeCell ref="CP2:CQ2"/>
    <mergeCell ref="CR2:CS2"/>
    <mergeCell ref="CT2:CU2"/>
    <mergeCell ref="CV2:CW2"/>
    <mergeCell ref="CX2:CY2"/>
    <mergeCell ref="CZ2:DA2"/>
    <mergeCell ref="CD2:CE2"/>
    <mergeCell ref="CF2:CG2"/>
    <mergeCell ref="CH2:CI2"/>
    <mergeCell ref="CJ2:CK2"/>
    <mergeCell ref="CL2:CM2"/>
    <mergeCell ref="CN2:CO2"/>
    <mergeCell ref="BR2:BS2"/>
    <mergeCell ref="BT2:BU2"/>
    <mergeCell ref="BV2:BW2"/>
    <mergeCell ref="BX2:BY2"/>
    <mergeCell ref="BZ2:CA2"/>
    <mergeCell ref="CB2:CC2"/>
    <mergeCell ref="BF2:BG2"/>
    <mergeCell ref="BH2:BI2"/>
    <mergeCell ref="BJ2:BK2"/>
    <mergeCell ref="BL2:BM2"/>
    <mergeCell ref="BN2:BO2"/>
    <mergeCell ref="BP2:BQ2"/>
    <mergeCell ref="AT2:AU2"/>
    <mergeCell ref="AV2:AW2"/>
    <mergeCell ref="AX2:AY2"/>
    <mergeCell ref="C12:E12"/>
    <mergeCell ref="C13:E13"/>
    <mergeCell ref="C14:E14"/>
    <mergeCell ref="C15:E15"/>
    <mergeCell ref="C16:E16"/>
    <mergeCell ref="C17:E17"/>
    <mergeCell ref="C6:E6"/>
    <mergeCell ref="C7:E7"/>
    <mergeCell ref="C8:E8"/>
    <mergeCell ref="C9:E9"/>
    <mergeCell ref="C10:E10"/>
    <mergeCell ref="C11:E11"/>
    <mergeCell ref="DB2:DC2"/>
    <mergeCell ref="DD2:DE2"/>
    <mergeCell ref="DF2:DG2"/>
    <mergeCell ref="DH2:DI2"/>
    <mergeCell ref="DJ2:DK2"/>
    <mergeCell ref="AZ2:BA2"/>
    <mergeCell ref="BB2:BC2"/>
    <mergeCell ref="BD2:BE2"/>
    <mergeCell ref="AH2:AI2"/>
    <mergeCell ref="AJ2:AK2"/>
    <mergeCell ref="AL2:AM2"/>
    <mergeCell ref="AN2:AO2"/>
    <mergeCell ref="AP2:AQ2"/>
    <mergeCell ref="AR2:AS2"/>
    <mergeCell ref="V2:W2"/>
    <mergeCell ref="X2:Y2"/>
    <mergeCell ref="Z2:AA2"/>
    <mergeCell ref="AB2:AC2"/>
    <mergeCell ref="AD2:AE2"/>
    <mergeCell ref="AF2:AG2"/>
    <mergeCell ref="N48:O48"/>
    <mergeCell ref="P48:Q48"/>
    <mergeCell ref="R48:S48"/>
    <mergeCell ref="T48:U48"/>
    <mergeCell ref="V48:W48"/>
    <mergeCell ref="X48:Y48"/>
    <mergeCell ref="D26:E26"/>
    <mergeCell ref="D27:E27"/>
    <mergeCell ref="D29:E29"/>
    <mergeCell ref="C30:C37"/>
    <mergeCell ref="D30:E30"/>
    <mergeCell ref="D31:E31"/>
    <mergeCell ref="D32:E32"/>
    <mergeCell ref="D33:E33"/>
    <mergeCell ref="D34:E34"/>
    <mergeCell ref="D35:E35"/>
    <mergeCell ref="C18:E18"/>
    <mergeCell ref="C19:E19"/>
    <mergeCell ref="C20:E20"/>
    <mergeCell ref="C21:C29"/>
    <mergeCell ref="D21:E21"/>
    <mergeCell ref="D22:E22"/>
    <mergeCell ref="D23:E23"/>
    <mergeCell ref="D24:E24"/>
    <mergeCell ref="D25:E25"/>
    <mergeCell ref="D45:E45"/>
    <mergeCell ref="B46:D49"/>
    <mergeCell ref="F46:G46"/>
    <mergeCell ref="H46:I46"/>
    <mergeCell ref="J46:K46"/>
    <mergeCell ref="L46:M46"/>
    <mergeCell ref="F48:G48"/>
    <mergeCell ref="H48:I48"/>
    <mergeCell ref="J48:K48"/>
    <mergeCell ref="L48:M48"/>
    <mergeCell ref="D36:E36"/>
    <mergeCell ref="D37:E37"/>
    <mergeCell ref="C38:C45"/>
    <mergeCell ref="D38:E38"/>
    <mergeCell ref="D39:E39"/>
    <mergeCell ref="D40:E40"/>
    <mergeCell ref="D41:E41"/>
    <mergeCell ref="D42:E42"/>
    <mergeCell ref="D43:E43"/>
    <mergeCell ref="D44:E44"/>
    <mergeCell ref="B21:B45"/>
    <mergeCell ref="AL46:AM46"/>
    <mergeCell ref="AN46:AO46"/>
    <mergeCell ref="AP46:AQ46"/>
    <mergeCell ref="AR46:AS46"/>
    <mergeCell ref="AT46:AU46"/>
    <mergeCell ref="AV46:AW46"/>
    <mergeCell ref="Z46:AA46"/>
    <mergeCell ref="AB46:AC46"/>
    <mergeCell ref="AD46:AE46"/>
    <mergeCell ref="AF46:AG46"/>
    <mergeCell ref="AH46:AI46"/>
    <mergeCell ref="AJ46:AK46"/>
    <mergeCell ref="N46:O46"/>
    <mergeCell ref="P46:Q46"/>
    <mergeCell ref="R46:S46"/>
    <mergeCell ref="T46:U46"/>
    <mergeCell ref="V46:W46"/>
    <mergeCell ref="X46:Y46"/>
    <mergeCell ref="CP46:CQ46"/>
    <mergeCell ref="CR46:CS46"/>
    <mergeCell ref="BV46:BW46"/>
    <mergeCell ref="BX46:BY46"/>
    <mergeCell ref="BZ46:CA46"/>
    <mergeCell ref="CB46:CC46"/>
    <mergeCell ref="CD46:CE46"/>
    <mergeCell ref="CF46:CG46"/>
    <mergeCell ref="BJ46:BK46"/>
    <mergeCell ref="BL46:BM46"/>
    <mergeCell ref="BN46:BO46"/>
    <mergeCell ref="BP46:BQ46"/>
    <mergeCell ref="BR46:BS46"/>
    <mergeCell ref="BT46:BU46"/>
    <mergeCell ref="AX46:AY46"/>
    <mergeCell ref="AZ46:BA46"/>
    <mergeCell ref="BB46:BC46"/>
    <mergeCell ref="BD46:BE46"/>
    <mergeCell ref="BF46:BG46"/>
    <mergeCell ref="BH46:BI46"/>
    <mergeCell ref="AF47:AG47"/>
    <mergeCell ref="AH47:AI47"/>
    <mergeCell ref="AJ47:AK47"/>
    <mergeCell ref="AL47:AM47"/>
    <mergeCell ref="AN47:AO47"/>
    <mergeCell ref="AP47:AQ47"/>
    <mergeCell ref="T47:U47"/>
    <mergeCell ref="V47:W47"/>
    <mergeCell ref="X47:Y47"/>
    <mergeCell ref="Z47:AA47"/>
    <mergeCell ref="AB47:AC47"/>
    <mergeCell ref="AD47:AE47"/>
    <mergeCell ref="DF46:DG46"/>
    <mergeCell ref="DH46:DI46"/>
    <mergeCell ref="DJ46:DK46"/>
    <mergeCell ref="F47:G47"/>
    <mergeCell ref="H47:I47"/>
    <mergeCell ref="J47:K47"/>
    <mergeCell ref="L47:M47"/>
    <mergeCell ref="N47:O47"/>
    <mergeCell ref="P47:Q47"/>
    <mergeCell ref="R47:S47"/>
    <mergeCell ref="CT46:CU46"/>
    <mergeCell ref="CV46:CW46"/>
    <mergeCell ref="CX46:CY46"/>
    <mergeCell ref="CZ46:DA46"/>
    <mergeCell ref="DB46:DC46"/>
    <mergeCell ref="DD46:DE46"/>
    <mergeCell ref="CH46:CI46"/>
    <mergeCell ref="CJ46:CK46"/>
    <mergeCell ref="CL46:CM46"/>
    <mergeCell ref="CN46:CO46"/>
    <mergeCell ref="CZ47:DA47"/>
    <mergeCell ref="DB47:DC47"/>
    <mergeCell ref="DD47:DE47"/>
    <mergeCell ref="DF47:DG47"/>
    <mergeCell ref="DH47:DI47"/>
    <mergeCell ref="DJ47:DK47"/>
    <mergeCell ref="CN47:CO47"/>
    <mergeCell ref="CP47:CQ47"/>
    <mergeCell ref="CR47:CS47"/>
    <mergeCell ref="CT47:CU47"/>
    <mergeCell ref="CV47:CW47"/>
    <mergeCell ref="CX47:CY47"/>
    <mergeCell ref="CB47:CC47"/>
    <mergeCell ref="CD47:CE47"/>
    <mergeCell ref="CF47:CG47"/>
    <mergeCell ref="CH47:CI47"/>
    <mergeCell ref="CJ47:CK47"/>
    <mergeCell ref="CL47:CM47"/>
    <mergeCell ref="BP47:BQ47"/>
    <mergeCell ref="BR47:BS47"/>
    <mergeCell ref="BT47:BU47"/>
    <mergeCell ref="BV47:BW47"/>
    <mergeCell ref="BX47:BY47"/>
    <mergeCell ref="BZ47:CA47"/>
    <mergeCell ref="BD47:BE47"/>
    <mergeCell ref="BF47:BG47"/>
    <mergeCell ref="BR48:BS48"/>
    <mergeCell ref="BT48:BU48"/>
    <mergeCell ref="AX48:AY48"/>
    <mergeCell ref="AZ48:BA48"/>
    <mergeCell ref="BB48:BC48"/>
    <mergeCell ref="BD48:BE48"/>
    <mergeCell ref="BF48:BG48"/>
    <mergeCell ref="BH48:BI48"/>
    <mergeCell ref="AL48:AM48"/>
    <mergeCell ref="AN48:AO48"/>
    <mergeCell ref="AP48:AQ48"/>
    <mergeCell ref="AR48:AS48"/>
    <mergeCell ref="AT48:AU48"/>
    <mergeCell ref="AV48:AW48"/>
    <mergeCell ref="BH47:BI47"/>
    <mergeCell ref="BJ47:BK47"/>
    <mergeCell ref="BL47:BM47"/>
    <mergeCell ref="BN47:BO47"/>
    <mergeCell ref="AR47:AS47"/>
    <mergeCell ref="AT47:AU47"/>
    <mergeCell ref="AV47:AW47"/>
    <mergeCell ref="AX47:AY47"/>
    <mergeCell ref="AZ47:BA47"/>
    <mergeCell ref="BB47:BC47"/>
    <mergeCell ref="Z48:AA48"/>
    <mergeCell ref="AB48:AC48"/>
    <mergeCell ref="AD48:AE48"/>
    <mergeCell ref="AF48:AG48"/>
    <mergeCell ref="AH48:AI48"/>
    <mergeCell ref="AJ48:AK48"/>
    <mergeCell ref="DF48:DG48"/>
    <mergeCell ref="DH48:DI48"/>
    <mergeCell ref="DJ48:DK48"/>
    <mergeCell ref="F49:G49"/>
    <mergeCell ref="H49:I49"/>
    <mergeCell ref="J49:K49"/>
    <mergeCell ref="L49:M49"/>
    <mergeCell ref="N49:O49"/>
    <mergeCell ref="P49:Q49"/>
    <mergeCell ref="R49:S49"/>
    <mergeCell ref="CT48:CU48"/>
    <mergeCell ref="CV48:CW48"/>
    <mergeCell ref="CX48:CY48"/>
    <mergeCell ref="CZ48:DA48"/>
    <mergeCell ref="DB48:DC48"/>
    <mergeCell ref="DD48:DE48"/>
    <mergeCell ref="CH48:CI48"/>
    <mergeCell ref="CJ48:CK48"/>
    <mergeCell ref="CL48:CM48"/>
    <mergeCell ref="CN48:CO48"/>
    <mergeCell ref="CP48:CQ48"/>
    <mergeCell ref="CR48:CS48"/>
    <mergeCell ref="BV48:BW48"/>
    <mergeCell ref="BX48:BY48"/>
    <mergeCell ref="BZ48:CA48"/>
    <mergeCell ref="CB48:CC48"/>
    <mergeCell ref="CD48:CE48"/>
    <mergeCell ref="CF48:CG48"/>
    <mergeCell ref="BJ48:BK48"/>
    <mergeCell ref="BL48:BM48"/>
    <mergeCell ref="BN48:BO48"/>
    <mergeCell ref="BP48:BQ48"/>
    <mergeCell ref="BH49:BI49"/>
    <mergeCell ref="BJ49:BK49"/>
    <mergeCell ref="BL49:BM49"/>
    <mergeCell ref="BN49:BO49"/>
    <mergeCell ref="AR49:AS49"/>
    <mergeCell ref="AT49:AU49"/>
    <mergeCell ref="AV49:AW49"/>
    <mergeCell ref="AX49:AY49"/>
    <mergeCell ref="AZ49:BA49"/>
    <mergeCell ref="BB49:BC49"/>
    <mergeCell ref="AF49:AG49"/>
    <mergeCell ref="AH49:AI49"/>
    <mergeCell ref="AJ49:AK49"/>
    <mergeCell ref="AL49:AM49"/>
    <mergeCell ref="AN49:AO49"/>
    <mergeCell ref="AP49:AQ49"/>
    <mergeCell ref="T49:U49"/>
    <mergeCell ref="V49:W49"/>
    <mergeCell ref="X49:Y49"/>
    <mergeCell ref="Z49:AA49"/>
    <mergeCell ref="AB49:AC49"/>
    <mergeCell ref="AD49:AE49"/>
    <mergeCell ref="B50:E51"/>
    <mergeCell ref="F50:G51"/>
    <mergeCell ref="H50:I51"/>
    <mergeCell ref="J50:K51"/>
    <mergeCell ref="L50:M51"/>
    <mergeCell ref="N50:O51"/>
    <mergeCell ref="CZ49:DA49"/>
    <mergeCell ref="DB49:DC49"/>
    <mergeCell ref="DD49:DE49"/>
    <mergeCell ref="DF49:DG49"/>
    <mergeCell ref="DH49:DI49"/>
    <mergeCell ref="BD49:BE49"/>
    <mergeCell ref="BF49:BG49"/>
    <mergeCell ref="AN50:AO51"/>
    <mergeCell ref="AP50:AQ51"/>
    <mergeCell ref="AR50:AS51"/>
    <mergeCell ref="AT50:AU51"/>
    <mergeCell ref="AV50:AW51"/>
    <mergeCell ref="AX50:AY51"/>
    <mergeCell ref="AB50:AC51"/>
    <mergeCell ref="AD50:AE51"/>
    <mergeCell ref="AF50:AG51"/>
    <mergeCell ref="AH50:AI51"/>
    <mergeCell ref="AJ50:AK51"/>
    <mergeCell ref="AL50:AM51"/>
    <mergeCell ref="P50:Q51"/>
    <mergeCell ref="DJ49:DK49"/>
    <mergeCell ref="CN49:CO49"/>
    <mergeCell ref="CP49:CQ49"/>
    <mergeCell ref="CR49:CS49"/>
    <mergeCell ref="CT49:CU49"/>
    <mergeCell ref="CV49:CW49"/>
    <mergeCell ref="CX49:CY49"/>
    <mergeCell ref="CB49:CC49"/>
    <mergeCell ref="CD49:CE49"/>
    <mergeCell ref="CF49:CG49"/>
    <mergeCell ref="CH49:CI49"/>
    <mergeCell ref="CJ49:CK49"/>
    <mergeCell ref="CL49:CM49"/>
    <mergeCell ref="BP49:BQ49"/>
    <mergeCell ref="BR49:BS49"/>
    <mergeCell ref="BT49:BU49"/>
    <mergeCell ref="BV49:BW49"/>
    <mergeCell ref="BX49:BY49"/>
    <mergeCell ref="BZ49:CA49"/>
    <mergeCell ref="R50:S51"/>
    <mergeCell ref="T50:U51"/>
    <mergeCell ref="V50:W51"/>
    <mergeCell ref="X50:Y51"/>
    <mergeCell ref="Z50:AA51"/>
    <mergeCell ref="CR50:CS51"/>
    <mergeCell ref="CT50:CU51"/>
    <mergeCell ref="BX50:BY51"/>
    <mergeCell ref="BZ50:CA51"/>
    <mergeCell ref="CB50:CC51"/>
    <mergeCell ref="CD50:CE51"/>
    <mergeCell ref="CF50:CG51"/>
    <mergeCell ref="CH50:CI51"/>
    <mergeCell ref="BL50:BM51"/>
    <mergeCell ref="BN50:BO51"/>
    <mergeCell ref="BP50:BQ51"/>
    <mergeCell ref="BR50:BS51"/>
    <mergeCell ref="BT50:BU51"/>
    <mergeCell ref="BV50:BW51"/>
    <mergeCell ref="AZ50:BA51"/>
    <mergeCell ref="BB50:BC51"/>
    <mergeCell ref="BD50:BE51"/>
    <mergeCell ref="BF50:BG51"/>
    <mergeCell ref="BH50:BI51"/>
    <mergeCell ref="BJ50:BK51"/>
    <mergeCell ref="Z52:AA52"/>
    <mergeCell ref="AB52:AC52"/>
    <mergeCell ref="AD52:AE52"/>
    <mergeCell ref="AF52:AG52"/>
    <mergeCell ref="AH52:AI52"/>
    <mergeCell ref="AJ52:AK52"/>
    <mergeCell ref="N52:O52"/>
    <mergeCell ref="P52:Q52"/>
    <mergeCell ref="R52:S52"/>
    <mergeCell ref="T52:U52"/>
    <mergeCell ref="V52:W52"/>
    <mergeCell ref="X52:Y52"/>
    <mergeCell ref="DH50:DI51"/>
    <mergeCell ref="DJ50:DK51"/>
    <mergeCell ref="A52:A80"/>
    <mergeCell ref="B52:B61"/>
    <mergeCell ref="C52:C61"/>
    <mergeCell ref="D52:E52"/>
    <mergeCell ref="F52:G52"/>
    <mergeCell ref="H52:I52"/>
    <mergeCell ref="J52:K52"/>
    <mergeCell ref="L52:M52"/>
    <mergeCell ref="CV50:CW51"/>
    <mergeCell ref="CX50:CY51"/>
    <mergeCell ref="CZ50:DA51"/>
    <mergeCell ref="DB50:DC51"/>
    <mergeCell ref="DD50:DE51"/>
    <mergeCell ref="DF50:DG51"/>
    <mergeCell ref="CJ50:CK51"/>
    <mergeCell ref="CL50:CM51"/>
    <mergeCell ref="CN50:CO51"/>
    <mergeCell ref="CP50:CQ51"/>
    <mergeCell ref="CD52:CE52"/>
    <mergeCell ref="CF52:CG52"/>
    <mergeCell ref="BJ52:BK52"/>
    <mergeCell ref="BL52:BM52"/>
    <mergeCell ref="BN52:BO52"/>
    <mergeCell ref="BP52:BQ52"/>
    <mergeCell ref="BR52:BS52"/>
    <mergeCell ref="BT52:BU52"/>
    <mergeCell ref="AX52:AY52"/>
    <mergeCell ref="AZ52:BA52"/>
    <mergeCell ref="BB52:BC52"/>
    <mergeCell ref="BD52:BE52"/>
    <mergeCell ref="BF52:BG52"/>
    <mergeCell ref="BH52:BI52"/>
    <mergeCell ref="AL52:AM52"/>
    <mergeCell ref="AN52:AO52"/>
    <mergeCell ref="AP52:AQ52"/>
    <mergeCell ref="AR52:AS52"/>
    <mergeCell ref="AT52:AU52"/>
    <mergeCell ref="AV52:AW52"/>
    <mergeCell ref="R53:S53"/>
    <mergeCell ref="T53:U53"/>
    <mergeCell ref="V53:W53"/>
    <mergeCell ref="X53:Y53"/>
    <mergeCell ref="Z53:AA53"/>
    <mergeCell ref="AB53:AC53"/>
    <mergeCell ref="DF52:DG52"/>
    <mergeCell ref="DH52:DI52"/>
    <mergeCell ref="DJ52:DK52"/>
    <mergeCell ref="D53:E53"/>
    <mergeCell ref="F53:G53"/>
    <mergeCell ref="H53:I53"/>
    <mergeCell ref="J53:K53"/>
    <mergeCell ref="L53:M53"/>
    <mergeCell ref="N53:O53"/>
    <mergeCell ref="P53:Q53"/>
    <mergeCell ref="CT52:CU52"/>
    <mergeCell ref="CV52:CW52"/>
    <mergeCell ref="CX52:CY52"/>
    <mergeCell ref="CZ52:DA52"/>
    <mergeCell ref="DB52:DC52"/>
    <mergeCell ref="DD52:DE52"/>
    <mergeCell ref="CH52:CI52"/>
    <mergeCell ref="CJ52:CK52"/>
    <mergeCell ref="CL52:CM52"/>
    <mergeCell ref="CN52:CO52"/>
    <mergeCell ref="CP52:CQ52"/>
    <mergeCell ref="CR52:CS52"/>
    <mergeCell ref="BV52:BW52"/>
    <mergeCell ref="BX52:BY52"/>
    <mergeCell ref="BZ52:CA52"/>
    <mergeCell ref="CB52:CC52"/>
    <mergeCell ref="BV53:BW53"/>
    <mergeCell ref="BX53:BY53"/>
    <mergeCell ref="BB53:BC53"/>
    <mergeCell ref="BD53:BE53"/>
    <mergeCell ref="BF53:BG53"/>
    <mergeCell ref="BH53:BI53"/>
    <mergeCell ref="BJ53:BK53"/>
    <mergeCell ref="BL53:BM53"/>
    <mergeCell ref="AP53:AQ53"/>
    <mergeCell ref="AR53:AS53"/>
    <mergeCell ref="AT53:AU53"/>
    <mergeCell ref="AV53:AW53"/>
    <mergeCell ref="AX53:AY53"/>
    <mergeCell ref="AZ53:BA53"/>
    <mergeCell ref="AD53:AE53"/>
    <mergeCell ref="AF53:AG53"/>
    <mergeCell ref="AH53:AI53"/>
    <mergeCell ref="AJ53:AK53"/>
    <mergeCell ref="AL53:AM53"/>
    <mergeCell ref="AN53:AO53"/>
    <mergeCell ref="DJ53:DK53"/>
    <mergeCell ref="D54:E54"/>
    <mergeCell ref="F54:G54"/>
    <mergeCell ref="H54:I54"/>
    <mergeCell ref="J54:K54"/>
    <mergeCell ref="L54:M54"/>
    <mergeCell ref="N54:O54"/>
    <mergeCell ref="P54:Q54"/>
    <mergeCell ref="R54:S54"/>
    <mergeCell ref="T54:U54"/>
    <mergeCell ref="CX53:CY53"/>
    <mergeCell ref="CZ53:DA53"/>
    <mergeCell ref="DB53:DC53"/>
    <mergeCell ref="DD53:DE53"/>
    <mergeCell ref="DF53:DG53"/>
    <mergeCell ref="DH53:DI53"/>
    <mergeCell ref="CL53:CM53"/>
    <mergeCell ref="CN53:CO53"/>
    <mergeCell ref="CP53:CQ53"/>
    <mergeCell ref="CR53:CS53"/>
    <mergeCell ref="CT53:CU53"/>
    <mergeCell ref="CV53:CW53"/>
    <mergeCell ref="BZ53:CA53"/>
    <mergeCell ref="CB53:CC53"/>
    <mergeCell ref="CD53:CE53"/>
    <mergeCell ref="CF53:CG53"/>
    <mergeCell ref="CH53:CI53"/>
    <mergeCell ref="CJ53:CK53"/>
    <mergeCell ref="BN53:BO53"/>
    <mergeCell ref="BP53:BQ53"/>
    <mergeCell ref="BR53:BS53"/>
    <mergeCell ref="BT53:BU53"/>
    <mergeCell ref="D55:E55"/>
    <mergeCell ref="F55:G55"/>
    <mergeCell ref="H55:I55"/>
    <mergeCell ref="J55:K55"/>
    <mergeCell ref="L55:M55"/>
    <mergeCell ref="CP54:CQ54"/>
    <mergeCell ref="CR54:CS54"/>
    <mergeCell ref="CT54:CU54"/>
    <mergeCell ref="CV54:CW54"/>
    <mergeCell ref="CX54:CY54"/>
    <mergeCell ref="CZ54:DA54"/>
    <mergeCell ref="CD54:CE54"/>
    <mergeCell ref="CF54:CG54"/>
    <mergeCell ref="CH54:CI54"/>
    <mergeCell ref="CJ54:CK54"/>
    <mergeCell ref="CL54:CM54"/>
    <mergeCell ref="CN54:CO54"/>
    <mergeCell ref="BR54:BS54"/>
    <mergeCell ref="BT54:BU54"/>
    <mergeCell ref="BV54:BW54"/>
    <mergeCell ref="BX54:BY54"/>
    <mergeCell ref="BZ54:CA54"/>
    <mergeCell ref="CB54:CC54"/>
    <mergeCell ref="BF54:BG54"/>
    <mergeCell ref="BH54:BI54"/>
    <mergeCell ref="BJ54:BK54"/>
    <mergeCell ref="BL54:BM54"/>
    <mergeCell ref="BN54:BO54"/>
    <mergeCell ref="BP54:BQ54"/>
    <mergeCell ref="AT54:AU54"/>
    <mergeCell ref="AV54:AW54"/>
    <mergeCell ref="AX54:AY54"/>
    <mergeCell ref="Z55:AA55"/>
    <mergeCell ref="AB55:AC55"/>
    <mergeCell ref="AD55:AE55"/>
    <mergeCell ref="AF55:AG55"/>
    <mergeCell ref="AH55:AI55"/>
    <mergeCell ref="AJ55:AK55"/>
    <mergeCell ref="N55:O55"/>
    <mergeCell ref="P55:Q55"/>
    <mergeCell ref="R55:S55"/>
    <mergeCell ref="T55:U55"/>
    <mergeCell ref="V55:W55"/>
    <mergeCell ref="X55:Y55"/>
    <mergeCell ref="DB54:DC54"/>
    <mergeCell ref="DD54:DE54"/>
    <mergeCell ref="DF54:DG54"/>
    <mergeCell ref="DH54:DI54"/>
    <mergeCell ref="DJ54:DK54"/>
    <mergeCell ref="AZ54:BA54"/>
    <mergeCell ref="BB54:BC54"/>
    <mergeCell ref="BD54:BE54"/>
    <mergeCell ref="AH54:AI54"/>
    <mergeCell ref="AJ54:AK54"/>
    <mergeCell ref="AL54:AM54"/>
    <mergeCell ref="AN54:AO54"/>
    <mergeCell ref="AP54:AQ54"/>
    <mergeCell ref="AR54:AS54"/>
    <mergeCell ref="V54:W54"/>
    <mergeCell ref="X54:Y54"/>
    <mergeCell ref="Z54:AA54"/>
    <mergeCell ref="AB54:AC54"/>
    <mergeCell ref="AD54:AE54"/>
    <mergeCell ref="AF54:AG54"/>
    <mergeCell ref="CD55:CE55"/>
    <mergeCell ref="CF55:CG55"/>
    <mergeCell ref="BJ55:BK55"/>
    <mergeCell ref="BL55:BM55"/>
    <mergeCell ref="BN55:BO55"/>
    <mergeCell ref="BP55:BQ55"/>
    <mergeCell ref="BR55:BS55"/>
    <mergeCell ref="BT55:BU55"/>
    <mergeCell ref="AX55:AY55"/>
    <mergeCell ref="AZ55:BA55"/>
    <mergeCell ref="BB55:BC55"/>
    <mergeCell ref="BD55:BE55"/>
    <mergeCell ref="BF55:BG55"/>
    <mergeCell ref="BH55:BI55"/>
    <mergeCell ref="AL55:AM55"/>
    <mergeCell ref="AN55:AO55"/>
    <mergeCell ref="AP55:AQ55"/>
    <mergeCell ref="AR55:AS55"/>
    <mergeCell ref="AT55:AU55"/>
    <mergeCell ref="AV55:AW55"/>
    <mergeCell ref="R56:S56"/>
    <mergeCell ref="T56:U56"/>
    <mergeCell ref="V56:W56"/>
    <mergeCell ref="X56:Y56"/>
    <mergeCell ref="Z56:AA56"/>
    <mergeCell ref="AB56:AC56"/>
    <mergeCell ref="DF55:DG55"/>
    <mergeCell ref="DH55:DI55"/>
    <mergeCell ref="DJ55:DK55"/>
    <mergeCell ref="D56:E56"/>
    <mergeCell ref="F56:G56"/>
    <mergeCell ref="H56:I56"/>
    <mergeCell ref="J56:K56"/>
    <mergeCell ref="L56:M56"/>
    <mergeCell ref="N56:O56"/>
    <mergeCell ref="P56:Q56"/>
    <mergeCell ref="CT55:CU55"/>
    <mergeCell ref="CV55:CW55"/>
    <mergeCell ref="CX55:CY55"/>
    <mergeCell ref="CZ55:DA55"/>
    <mergeCell ref="DB55:DC55"/>
    <mergeCell ref="DD55:DE55"/>
    <mergeCell ref="CH55:CI55"/>
    <mergeCell ref="CJ55:CK55"/>
    <mergeCell ref="CL55:CM55"/>
    <mergeCell ref="CN55:CO55"/>
    <mergeCell ref="CP55:CQ55"/>
    <mergeCell ref="CR55:CS55"/>
    <mergeCell ref="BV55:BW55"/>
    <mergeCell ref="BX55:BY55"/>
    <mergeCell ref="BZ55:CA55"/>
    <mergeCell ref="CB55:CC55"/>
    <mergeCell ref="BV56:BW56"/>
    <mergeCell ref="BX56:BY56"/>
    <mergeCell ref="BB56:BC56"/>
    <mergeCell ref="BD56:BE56"/>
    <mergeCell ref="BF56:BG56"/>
    <mergeCell ref="BH56:BI56"/>
    <mergeCell ref="BJ56:BK56"/>
    <mergeCell ref="BL56:BM56"/>
    <mergeCell ref="AP56:AQ56"/>
    <mergeCell ref="AR56:AS56"/>
    <mergeCell ref="AT56:AU56"/>
    <mergeCell ref="AV56:AW56"/>
    <mergeCell ref="AX56:AY56"/>
    <mergeCell ref="AZ56:BA56"/>
    <mergeCell ref="AD56:AE56"/>
    <mergeCell ref="AF56:AG56"/>
    <mergeCell ref="AH56:AI56"/>
    <mergeCell ref="AJ56:AK56"/>
    <mergeCell ref="AL56:AM56"/>
    <mergeCell ref="AN56:AO56"/>
    <mergeCell ref="DJ56:DK56"/>
    <mergeCell ref="D57:E57"/>
    <mergeCell ref="F57:G57"/>
    <mergeCell ref="H57:I57"/>
    <mergeCell ref="J57:K57"/>
    <mergeCell ref="L57:M57"/>
    <mergeCell ref="N57:O57"/>
    <mergeCell ref="P57:Q57"/>
    <mergeCell ref="R57:S57"/>
    <mergeCell ref="T57:U57"/>
    <mergeCell ref="CX56:CY56"/>
    <mergeCell ref="CZ56:DA56"/>
    <mergeCell ref="DB56:DC56"/>
    <mergeCell ref="DD56:DE56"/>
    <mergeCell ref="DF56:DG56"/>
    <mergeCell ref="DH56:DI56"/>
    <mergeCell ref="CL56:CM56"/>
    <mergeCell ref="CN56:CO56"/>
    <mergeCell ref="CP56:CQ56"/>
    <mergeCell ref="CR56:CS56"/>
    <mergeCell ref="CT56:CU56"/>
    <mergeCell ref="CV56:CW56"/>
    <mergeCell ref="BZ56:CA56"/>
    <mergeCell ref="CB56:CC56"/>
    <mergeCell ref="CD56:CE56"/>
    <mergeCell ref="CF56:CG56"/>
    <mergeCell ref="CH56:CI56"/>
    <mergeCell ref="CJ56:CK56"/>
    <mergeCell ref="BN56:BO56"/>
    <mergeCell ref="BP56:BQ56"/>
    <mergeCell ref="BR56:BS56"/>
    <mergeCell ref="BT56:BU56"/>
    <mergeCell ref="D58:E58"/>
    <mergeCell ref="F58:G58"/>
    <mergeCell ref="H58:I58"/>
    <mergeCell ref="J58:K58"/>
    <mergeCell ref="L58:M58"/>
    <mergeCell ref="CP57:CQ57"/>
    <mergeCell ref="CR57:CS57"/>
    <mergeCell ref="CT57:CU57"/>
    <mergeCell ref="CV57:CW57"/>
    <mergeCell ref="CX57:CY57"/>
    <mergeCell ref="CZ57:DA57"/>
    <mergeCell ref="CD57:CE57"/>
    <mergeCell ref="CF57:CG57"/>
    <mergeCell ref="CH57:CI57"/>
    <mergeCell ref="CJ57:CK57"/>
    <mergeCell ref="CL57:CM57"/>
    <mergeCell ref="CN57:CO57"/>
    <mergeCell ref="BR57:BS57"/>
    <mergeCell ref="BT57:BU57"/>
    <mergeCell ref="BV57:BW57"/>
    <mergeCell ref="BX57:BY57"/>
    <mergeCell ref="BZ57:CA57"/>
    <mergeCell ref="CB57:CC57"/>
    <mergeCell ref="BF57:BG57"/>
    <mergeCell ref="BH57:BI57"/>
    <mergeCell ref="BJ57:BK57"/>
    <mergeCell ref="BL57:BM57"/>
    <mergeCell ref="BN57:BO57"/>
    <mergeCell ref="BP57:BQ57"/>
    <mergeCell ref="AT57:AU57"/>
    <mergeCell ref="AV57:AW57"/>
    <mergeCell ref="AX57:AY57"/>
    <mergeCell ref="Z58:AA58"/>
    <mergeCell ref="AB58:AC58"/>
    <mergeCell ref="AD58:AE58"/>
    <mergeCell ref="AF58:AG58"/>
    <mergeCell ref="AH58:AI58"/>
    <mergeCell ref="AJ58:AK58"/>
    <mergeCell ref="N58:O58"/>
    <mergeCell ref="P58:Q58"/>
    <mergeCell ref="R58:S58"/>
    <mergeCell ref="T58:U58"/>
    <mergeCell ref="V58:W58"/>
    <mergeCell ref="X58:Y58"/>
    <mergeCell ref="DB57:DC57"/>
    <mergeCell ref="DD57:DE57"/>
    <mergeCell ref="DF57:DG57"/>
    <mergeCell ref="DH57:DI57"/>
    <mergeCell ref="DJ57:DK57"/>
    <mergeCell ref="AZ57:BA57"/>
    <mergeCell ref="BB57:BC57"/>
    <mergeCell ref="BD57:BE57"/>
    <mergeCell ref="AH57:AI57"/>
    <mergeCell ref="AJ57:AK57"/>
    <mergeCell ref="AL57:AM57"/>
    <mergeCell ref="AN57:AO57"/>
    <mergeCell ref="AP57:AQ57"/>
    <mergeCell ref="AR57:AS57"/>
    <mergeCell ref="V57:W57"/>
    <mergeCell ref="X57:Y57"/>
    <mergeCell ref="Z57:AA57"/>
    <mergeCell ref="AB57:AC57"/>
    <mergeCell ref="AD57:AE57"/>
    <mergeCell ref="AF57:AG57"/>
    <mergeCell ref="CD58:CE58"/>
    <mergeCell ref="CF58:CG58"/>
    <mergeCell ref="BJ58:BK58"/>
    <mergeCell ref="BL58:BM58"/>
    <mergeCell ref="BN58:BO58"/>
    <mergeCell ref="BP58:BQ58"/>
    <mergeCell ref="BR58:BS58"/>
    <mergeCell ref="BT58:BU58"/>
    <mergeCell ref="AX58:AY58"/>
    <mergeCell ref="AZ58:BA58"/>
    <mergeCell ref="BB58:BC58"/>
    <mergeCell ref="BD58:BE58"/>
    <mergeCell ref="BF58:BG58"/>
    <mergeCell ref="BH58:BI58"/>
    <mergeCell ref="AL58:AM58"/>
    <mergeCell ref="AN58:AO58"/>
    <mergeCell ref="AP58:AQ58"/>
    <mergeCell ref="AR58:AS58"/>
    <mergeCell ref="AT58:AU58"/>
    <mergeCell ref="AV58:AW58"/>
    <mergeCell ref="R59:S59"/>
    <mergeCell ref="T59:U59"/>
    <mergeCell ref="V59:W59"/>
    <mergeCell ref="X59:Y59"/>
    <mergeCell ref="Z59:AA59"/>
    <mergeCell ref="AB59:AC59"/>
    <mergeCell ref="DF58:DG58"/>
    <mergeCell ref="DH58:DI58"/>
    <mergeCell ref="DJ58:DK58"/>
    <mergeCell ref="D59:E59"/>
    <mergeCell ref="F59:G59"/>
    <mergeCell ref="H59:I59"/>
    <mergeCell ref="J59:K59"/>
    <mergeCell ref="L59:M59"/>
    <mergeCell ref="N59:O59"/>
    <mergeCell ref="P59:Q59"/>
    <mergeCell ref="CT58:CU58"/>
    <mergeCell ref="CV58:CW58"/>
    <mergeCell ref="CX58:CY58"/>
    <mergeCell ref="CZ58:DA58"/>
    <mergeCell ref="DB58:DC58"/>
    <mergeCell ref="DD58:DE58"/>
    <mergeCell ref="CH58:CI58"/>
    <mergeCell ref="CJ58:CK58"/>
    <mergeCell ref="CL58:CM58"/>
    <mergeCell ref="CN58:CO58"/>
    <mergeCell ref="CP58:CQ58"/>
    <mergeCell ref="CR58:CS58"/>
    <mergeCell ref="BV58:BW58"/>
    <mergeCell ref="BX58:BY58"/>
    <mergeCell ref="BZ58:CA58"/>
    <mergeCell ref="CB58:CC58"/>
    <mergeCell ref="BV59:BW59"/>
    <mergeCell ref="BX59:BY59"/>
    <mergeCell ref="BB59:BC59"/>
    <mergeCell ref="BD59:BE59"/>
    <mergeCell ref="BF59:BG59"/>
    <mergeCell ref="BH59:BI59"/>
    <mergeCell ref="BJ59:BK59"/>
    <mergeCell ref="BL59:BM59"/>
    <mergeCell ref="AP59:AQ59"/>
    <mergeCell ref="AR59:AS59"/>
    <mergeCell ref="AT59:AU59"/>
    <mergeCell ref="AV59:AW59"/>
    <mergeCell ref="AX59:AY59"/>
    <mergeCell ref="AZ59:BA59"/>
    <mergeCell ref="AD59:AE59"/>
    <mergeCell ref="AF59:AG59"/>
    <mergeCell ref="AH59:AI59"/>
    <mergeCell ref="AJ59:AK59"/>
    <mergeCell ref="AL59:AM59"/>
    <mergeCell ref="AN59:AO59"/>
    <mergeCell ref="DJ59:DK59"/>
    <mergeCell ref="D60:E60"/>
    <mergeCell ref="F60:G60"/>
    <mergeCell ref="H60:I60"/>
    <mergeCell ref="J60:K60"/>
    <mergeCell ref="L60:M60"/>
    <mergeCell ref="N60:O60"/>
    <mergeCell ref="P60:Q60"/>
    <mergeCell ref="R60:S60"/>
    <mergeCell ref="T60:U60"/>
    <mergeCell ref="CX59:CY59"/>
    <mergeCell ref="CZ59:DA59"/>
    <mergeCell ref="DB59:DC59"/>
    <mergeCell ref="DD59:DE59"/>
    <mergeCell ref="DF59:DG59"/>
    <mergeCell ref="DH59:DI59"/>
    <mergeCell ref="CL59:CM59"/>
    <mergeCell ref="CN59:CO59"/>
    <mergeCell ref="CP59:CQ59"/>
    <mergeCell ref="CR59:CS59"/>
    <mergeCell ref="CT59:CU59"/>
    <mergeCell ref="CV59:CW59"/>
    <mergeCell ref="BZ59:CA59"/>
    <mergeCell ref="CB59:CC59"/>
    <mergeCell ref="CD59:CE59"/>
    <mergeCell ref="CF59:CG59"/>
    <mergeCell ref="CH59:CI59"/>
    <mergeCell ref="CJ59:CK59"/>
    <mergeCell ref="BN59:BO59"/>
    <mergeCell ref="BP59:BQ59"/>
    <mergeCell ref="BR59:BS59"/>
    <mergeCell ref="BT59:BU59"/>
    <mergeCell ref="BN60:BO60"/>
    <mergeCell ref="BP60:BQ60"/>
    <mergeCell ref="AT60:AU60"/>
    <mergeCell ref="AV60:AW60"/>
    <mergeCell ref="AX60:AY60"/>
    <mergeCell ref="AZ60:BA60"/>
    <mergeCell ref="BB60:BC60"/>
    <mergeCell ref="BD60:BE60"/>
    <mergeCell ref="AH60:AI60"/>
    <mergeCell ref="AJ60:AK60"/>
    <mergeCell ref="AL60:AM60"/>
    <mergeCell ref="AN60:AO60"/>
    <mergeCell ref="AP60:AQ60"/>
    <mergeCell ref="AR60:AS60"/>
    <mergeCell ref="V60:W60"/>
    <mergeCell ref="X60:Y60"/>
    <mergeCell ref="Z60:AA60"/>
    <mergeCell ref="AB60:AC60"/>
    <mergeCell ref="AD60:AE60"/>
    <mergeCell ref="AF60:AG60"/>
    <mergeCell ref="DB60:DC60"/>
    <mergeCell ref="DD60:DE60"/>
    <mergeCell ref="DF60:DG60"/>
    <mergeCell ref="DH60:DI60"/>
    <mergeCell ref="DJ60:DK60"/>
    <mergeCell ref="D61:E61"/>
    <mergeCell ref="F61:G61"/>
    <mergeCell ref="H61:I61"/>
    <mergeCell ref="J61:K61"/>
    <mergeCell ref="L61:M61"/>
    <mergeCell ref="CP60:CQ60"/>
    <mergeCell ref="CR60:CS60"/>
    <mergeCell ref="CT60:CU60"/>
    <mergeCell ref="CV60:CW60"/>
    <mergeCell ref="CX60:CY60"/>
    <mergeCell ref="CZ60:DA60"/>
    <mergeCell ref="CD60:CE60"/>
    <mergeCell ref="CF60:CG60"/>
    <mergeCell ref="CH60:CI60"/>
    <mergeCell ref="CJ60:CK60"/>
    <mergeCell ref="CL60:CM60"/>
    <mergeCell ref="CN60:CO60"/>
    <mergeCell ref="BR60:BS60"/>
    <mergeCell ref="BT60:BU60"/>
    <mergeCell ref="BV60:BW60"/>
    <mergeCell ref="BX60:BY60"/>
    <mergeCell ref="BZ60:CA60"/>
    <mergeCell ref="CB60:CC60"/>
    <mergeCell ref="BF60:BG60"/>
    <mergeCell ref="BH60:BI60"/>
    <mergeCell ref="BJ60:BK60"/>
    <mergeCell ref="BL60:BM60"/>
    <mergeCell ref="AL61:AM61"/>
    <mergeCell ref="AN61:AO61"/>
    <mergeCell ref="AP61:AQ61"/>
    <mergeCell ref="AR61:AS61"/>
    <mergeCell ref="AT61:AU61"/>
    <mergeCell ref="AV61:AW61"/>
    <mergeCell ref="Z61:AA61"/>
    <mergeCell ref="AB61:AC61"/>
    <mergeCell ref="AD61:AE61"/>
    <mergeCell ref="AF61:AG61"/>
    <mergeCell ref="AH61:AI61"/>
    <mergeCell ref="AJ61:AK61"/>
    <mergeCell ref="N61:O61"/>
    <mergeCell ref="P61:Q61"/>
    <mergeCell ref="R61:S61"/>
    <mergeCell ref="T61:U61"/>
    <mergeCell ref="V61:W61"/>
    <mergeCell ref="X61:Y61"/>
    <mergeCell ref="CP61:CQ61"/>
    <mergeCell ref="CR61:CS61"/>
    <mergeCell ref="BV61:BW61"/>
    <mergeCell ref="BX61:BY61"/>
    <mergeCell ref="BZ61:CA61"/>
    <mergeCell ref="CB61:CC61"/>
    <mergeCell ref="CD61:CE61"/>
    <mergeCell ref="CF61:CG61"/>
    <mergeCell ref="BJ61:BK61"/>
    <mergeCell ref="BL61:BM61"/>
    <mergeCell ref="BN61:BO61"/>
    <mergeCell ref="BP61:BQ61"/>
    <mergeCell ref="BR61:BS61"/>
    <mergeCell ref="BT61:BU61"/>
    <mergeCell ref="AX61:AY61"/>
    <mergeCell ref="AZ61:BA61"/>
    <mergeCell ref="BB61:BC61"/>
    <mergeCell ref="BD61:BE61"/>
    <mergeCell ref="BF61:BG61"/>
    <mergeCell ref="BH61:BI61"/>
    <mergeCell ref="Z62:AA62"/>
    <mergeCell ref="AB62:AC62"/>
    <mergeCell ref="AD62:AE62"/>
    <mergeCell ref="AF62:AG62"/>
    <mergeCell ref="AH62:AI62"/>
    <mergeCell ref="AJ62:AK62"/>
    <mergeCell ref="N62:O62"/>
    <mergeCell ref="P62:Q62"/>
    <mergeCell ref="R62:S62"/>
    <mergeCell ref="T62:U62"/>
    <mergeCell ref="V62:W62"/>
    <mergeCell ref="X62:Y62"/>
    <mergeCell ref="DF61:DG61"/>
    <mergeCell ref="DH61:DI61"/>
    <mergeCell ref="DJ61:DK61"/>
    <mergeCell ref="B62:B71"/>
    <mergeCell ref="C62:C71"/>
    <mergeCell ref="D62:E62"/>
    <mergeCell ref="F62:G62"/>
    <mergeCell ref="H62:I62"/>
    <mergeCell ref="J62:K62"/>
    <mergeCell ref="L62:M62"/>
    <mergeCell ref="CT61:CU61"/>
    <mergeCell ref="CV61:CW61"/>
    <mergeCell ref="CX61:CY61"/>
    <mergeCell ref="CZ61:DA61"/>
    <mergeCell ref="DB61:DC61"/>
    <mergeCell ref="DD61:DE61"/>
    <mergeCell ref="CH61:CI61"/>
    <mergeCell ref="CJ61:CK61"/>
    <mergeCell ref="CL61:CM61"/>
    <mergeCell ref="CN61:CO61"/>
    <mergeCell ref="CD62:CE62"/>
    <mergeCell ref="CF62:CG62"/>
    <mergeCell ref="BJ62:BK62"/>
    <mergeCell ref="BL62:BM62"/>
    <mergeCell ref="BN62:BO62"/>
    <mergeCell ref="BP62:BQ62"/>
    <mergeCell ref="BR62:BS62"/>
    <mergeCell ref="BT62:BU62"/>
    <mergeCell ref="AX62:AY62"/>
    <mergeCell ref="AZ62:BA62"/>
    <mergeCell ref="BB62:BC62"/>
    <mergeCell ref="BD62:BE62"/>
    <mergeCell ref="BF62:BG62"/>
    <mergeCell ref="BH62:BI62"/>
    <mergeCell ref="AL62:AM62"/>
    <mergeCell ref="AN62:AO62"/>
    <mergeCell ref="AP62:AQ62"/>
    <mergeCell ref="AR62:AS62"/>
    <mergeCell ref="AT62:AU62"/>
    <mergeCell ref="AV62:AW62"/>
    <mergeCell ref="R63:S63"/>
    <mergeCell ref="T63:U63"/>
    <mergeCell ref="V63:W63"/>
    <mergeCell ref="X63:Y63"/>
    <mergeCell ref="Z63:AA63"/>
    <mergeCell ref="AB63:AC63"/>
    <mergeCell ref="DF62:DG62"/>
    <mergeCell ref="DH62:DI62"/>
    <mergeCell ref="DJ62:DK62"/>
    <mergeCell ref="D63:E63"/>
    <mergeCell ref="F63:G63"/>
    <mergeCell ref="H63:I63"/>
    <mergeCell ref="J63:K63"/>
    <mergeCell ref="L63:M63"/>
    <mergeCell ref="N63:O63"/>
    <mergeCell ref="P63:Q63"/>
    <mergeCell ref="CT62:CU62"/>
    <mergeCell ref="CV62:CW62"/>
    <mergeCell ref="CX62:CY62"/>
    <mergeCell ref="CZ62:DA62"/>
    <mergeCell ref="DB62:DC62"/>
    <mergeCell ref="DD62:DE62"/>
    <mergeCell ref="CH62:CI62"/>
    <mergeCell ref="CJ62:CK62"/>
    <mergeCell ref="CL62:CM62"/>
    <mergeCell ref="CN62:CO62"/>
    <mergeCell ref="CP62:CQ62"/>
    <mergeCell ref="CR62:CS62"/>
    <mergeCell ref="BV62:BW62"/>
    <mergeCell ref="BX62:BY62"/>
    <mergeCell ref="BZ62:CA62"/>
    <mergeCell ref="CB62:CC62"/>
    <mergeCell ref="BV63:BW63"/>
    <mergeCell ref="BX63:BY63"/>
    <mergeCell ref="BB63:BC63"/>
    <mergeCell ref="BD63:BE63"/>
    <mergeCell ref="BF63:BG63"/>
    <mergeCell ref="BH63:BI63"/>
    <mergeCell ref="BJ63:BK63"/>
    <mergeCell ref="BL63:BM63"/>
    <mergeCell ref="AP63:AQ63"/>
    <mergeCell ref="AR63:AS63"/>
    <mergeCell ref="AT63:AU63"/>
    <mergeCell ref="AV63:AW63"/>
    <mergeCell ref="AX63:AY63"/>
    <mergeCell ref="AZ63:BA63"/>
    <mergeCell ref="AD63:AE63"/>
    <mergeCell ref="AF63:AG63"/>
    <mergeCell ref="AH63:AI63"/>
    <mergeCell ref="AJ63:AK63"/>
    <mergeCell ref="AL63:AM63"/>
    <mergeCell ref="AN63:AO63"/>
    <mergeCell ref="DJ63:DK63"/>
    <mergeCell ref="D64:E64"/>
    <mergeCell ref="F64:G64"/>
    <mergeCell ref="H64:I64"/>
    <mergeCell ref="J64:K64"/>
    <mergeCell ref="L64:M64"/>
    <mergeCell ref="N64:O64"/>
    <mergeCell ref="P64:Q64"/>
    <mergeCell ref="R64:S64"/>
    <mergeCell ref="T64:U64"/>
    <mergeCell ref="CX63:CY63"/>
    <mergeCell ref="CZ63:DA63"/>
    <mergeCell ref="DB63:DC63"/>
    <mergeCell ref="DD63:DE63"/>
    <mergeCell ref="DF63:DG63"/>
    <mergeCell ref="DH63:DI63"/>
    <mergeCell ref="CL63:CM63"/>
    <mergeCell ref="CN63:CO63"/>
    <mergeCell ref="CP63:CQ63"/>
    <mergeCell ref="CR63:CS63"/>
    <mergeCell ref="CT63:CU63"/>
    <mergeCell ref="CV63:CW63"/>
    <mergeCell ref="BZ63:CA63"/>
    <mergeCell ref="CB63:CC63"/>
    <mergeCell ref="CD63:CE63"/>
    <mergeCell ref="CF63:CG63"/>
    <mergeCell ref="CH63:CI63"/>
    <mergeCell ref="CJ63:CK63"/>
    <mergeCell ref="BN63:BO63"/>
    <mergeCell ref="BP63:BQ63"/>
    <mergeCell ref="BR63:BS63"/>
    <mergeCell ref="BT63:BU63"/>
    <mergeCell ref="D65:E65"/>
    <mergeCell ref="F65:G65"/>
    <mergeCell ref="H65:I65"/>
    <mergeCell ref="J65:K65"/>
    <mergeCell ref="L65:M65"/>
    <mergeCell ref="CP64:CQ64"/>
    <mergeCell ref="CR64:CS64"/>
    <mergeCell ref="CT64:CU64"/>
    <mergeCell ref="CV64:CW64"/>
    <mergeCell ref="CX64:CY64"/>
    <mergeCell ref="CZ64:DA64"/>
    <mergeCell ref="CD64:CE64"/>
    <mergeCell ref="CF64:CG64"/>
    <mergeCell ref="CH64:CI64"/>
    <mergeCell ref="CJ64:CK64"/>
    <mergeCell ref="CL64:CM64"/>
    <mergeCell ref="CN64:CO64"/>
    <mergeCell ref="BR64:BS64"/>
    <mergeCell ref="BT64:BU64"/>
    <mergeCell ref="BV64:BW64"/>
    <mergeCell ref="BX64:BY64"/>
    <mergeCell ref="BZ64:CA64"/>
    <mergeCell ref="CB64:CC64"/>
    <mergeCell ref="BF64:BG64"/>
    <mergeCell ref="BH64:BI64"/>
    <mergeCell ref="BJ64:BK64"/>
    <mergeCell ref="BL64:BM64"/>
    <mergeCell ref="BN64:BO64"/>
    <mergeCell ref="BP64:BQ64"/>
    <mergeCell ref="AT64:AU64"/>
    <mergeCell ref="AV64:AW64"/>
    <mergeCell ref="AX64:AY64"/>
    <mergeCell ref="Z65:AA65"/>
    <mergeCell ref="AB65:AC65"/>
    <mergeCell ref="AD65:AE65"/>
    <mergeCell ref="AF65:AG65"/>
    <mergeCell ref="AH65:AI65"/>
    <mergeCell ref="AJ65:AK65"/>
    <mergeCell ref="N65:O65"/>
    <mergeCell ref="P65:Q65"/>
    <mergeCell ref="R65:S65"/>
    <mergeCell ref="T65:U65"/>
    <mergeCell ref="V65:W65"/>
    <mergeCell ref="X65:Y65"/>
    <mergeCell ref="DB64:DC64"/>
    <mergeCell ref="DD64:DE64"/>
    <mergeCell ref="DF64:DG64"/>
    <mergeCell ref="DH64:DI64"/>
    <mergeCell ref="DJ64:DK64"/>
    <mergeCell ref="AZ64:BA64"/>
    <mergeCell ref="BB64:BC64"/>
    <mergeCell ref="BD64:BE64"/>
    <mergeCell ref="AH64:AI64"/>
    <mergeCell ref="AJ64:AK64"/>
    <mergeCell ref="AL64:AM64"/>
    <mergeCell ref="AN64:AO64"/>
    <mergeCell ref="AP64:AQ64"/>
    <mergeCell ref="AR64:AS64"/>
    <mergeCell ref="V64:W64"/>
    <mergeCell ref="X64:Y64"/>
    <mergeCell ref="Z64:AA64"/>
    <mergeCell ref="AB64:AC64"/>
    <mergeCell ref="AD64:AE64"/>
    <mergeCell ref="AF64:AG64"/>
    <mergeCell ref="CD65:CE65"/>
    <mergeCell ref="CF65:CG65"/>
    <mergeCell ref="BJ65:BK65"/>
    <mergeCell ref="BL65:BM65"/>
    <mergeCell ref="BN65:BO65"/>
    <mergeCell ref="BP65:BQ65"/>
    <mergeCell ref="BR65:BS65"/>
    <mergeCell ref="BT65:BU65"/>
    <mergeCell ref="AX65:AY65"/>
    <mergeCell ref="AZ65:BA65"/>
    <mergeCell ref="BB65:BC65"/>
    <mergeCell ref="BD65:BE65"/>
    <mergeCell ref="BF65:BG65"/>
    <mergeCell ref="BH65:BI65"/>
    <mergeCell ref="AL65:AM65"/>
    <mergeCell ref="AN65:AO65"/>
    <mergeCell ref="AP65:AQ65"/>
    <mergeCell ref="AR65:AS65"/>
    <mergeCell ref="AT65:AU65"/>
    <mergeCell ref="AV65:AW65"/>
    <mergeCell ref="R66:S66"/>
    <mergeCell ref="T66:U66"/>
    <mergeCell ref="V66:W66"/>
    <mergeCell ref="X66:Y66"/>
    <mergeCell ref="Z66:AA66"/>
    <mergeCell ref="AB66:AC66"/>
    <mergeCell ref="DF65:DG65"/>
    <mergeCell ref="DH65:DI65"/>
    <mergeCell ref="DJ65:DK65"/>
    <mergeCell ref="D66:E66"/>
    <mergeCell ref="F66:G66"/>
    <mergeCell ref="H66:I66"/>
    <mergeCell ref="J66:K66"/>
    <mergeCell ref="L66:M66"/>
    <mergeCell ref="N66:O66"/>
    <mergeCell ref="P66:Q66"/>
    <mergeCell ref="CT65:CU65"/>
    <mergeCell ref="CV65:CW65"/>
    <mergeCell ref="CX65:CY65"/>
    <mergeCell ref="CZ65:DA65"/>
    <mergeCell ref="DB65:DC65"/>
    <mergeCell ref="DD65:DE65"/>
    <mergeCell ref="CH65:CI65"/>
    <mergeCell ref="CJ65:CK65"/>
    <mergeCell ref="CL65:CM65"/>
    <mergeCell ref="CN65:CO65"/>
    <mergeCell ref="CP65:CQ65"/>
    <mergeCell ref="CR65:CS65"/>
    <mergeCell ref="BV65:BW65"/>
    <mergeCell ref="BX65:BY65"/>
    <mergeCell ref="BZ65:CA65"/>
    <mergeCell ref="CB65:CC65"/>
    <mergeCell ref="BV66:BW66"/>
    <mergeCell ref="BX66:BY66"/>
    <mergeCell ref="BB66:BC66"/>
    <mergeCell ref="BD66:BE66"/>
    <mergeCell ref="BF66:BG66"/>
    <mergeCell ref="BH66:BI66"/>
    <mergeCell ref="BJ66:BK66"/>
    <mergeCell ref="BL66:BM66"/>
    <mergeCell ref="AP66:AQ66"/>
    <mergeCell ref="AR66:AS66"/>
    <mergeCell ref="AT66:AU66"/>
    <mergeCell ref="AV66:AW66"/>
    <mergeCell ref="AX66:AY66"/>
    <mergeCell ref="AZ66:BA66"/>
    <mergeCell ref="AD66:AE66"/>
    <mergeCell ref="AF66:AG66"/>
    <mergeCell ref="AH66:AI66"/>
    <mergeCell ref="AJ66:AK66"/>
    <mergeCell ref="AL66:AM66"/>
    <mergeCell ref="AN66:AO66"/>
    <mergeCell ref="DJ66:DK66"/>
    <mergeCell ref="D67:E67"/>
    <mergeCell ref="F67:G67"/>
    <mergeCell ref="H67:I67"/>
    <mergeCell ref="J67:K67"/>
    <mergeCell ref="L67:M67"/>
    <mergeCell ref="N67:O67"/>
    <mergeCell ref="P67:Q67"/>
    <mergeCell ref="R67:S67"/>
    <mergeCell ref="T67:U67"/>
    <mergeCell ref="CX66:CY66"/>
    <mergeCell ref="CZ66:DA66"/>
    <mergeCell ref="DB66:DC66"/>
    <mergeCell ref="DD66:DE66"/>
    <mergeCell ref="DF66:DG66"/>
    <mergeCell ref="DH66:DI66"/>
    <mergeCell ref="CL66:CM66"/>
    <mergeCell ref="CN66:CO66"/>
    <mergeCell ref="CP66:CQ66"/>
    <mergeCell ref="CR66:CS66"/>
    <mergeCell ref="CT66:CU66"/>
    <mergeCell ref="CV66:CW66"/>
    <mergeCell ref="BZ66:CA66"/>
    <mergeCell ref="CB66:CC66"/>
    <mergeCell ref="CD66:CE66"/>
    <mergeCell ref="CF66:CG66"/>
    <mergeCell ref="CH66:CI66"/>
    <mergeCell ref="CJ66:CK66"/>
    <mergeCell ref="BN66:BO66"/>
    <mergeCell ref="BP66:BQ66"/>
    <mergeCell ref="BR66:BS66"/>
    <mergeCell ref="BT66:BU66"/>
    <mergeCell ref="D68:E68"/>
    <mergeCell ref="F68:G68"/>
    <mergeCell ref="H68:I68"/>
    <mergeCell ref="J68:K68"/>
    <mergeCell ref="L68:M68"/>
    <mergeCell ref="CP67:CQ67"/>
    <mergeCell ref="CR67:CS67"/>
    <mergeCell ref="CT67:CU67"/>
    <mergeCell ref="CV67:CW67"/>
    <mergeCell ref="CX67:CY67"/>
    <mergeCell ref="CZ67:DA67"/>
    <mergeCell ref="CD67:CE67"/>
    <mergeCell ref="CF67:CG67"/>
    <mergeCell ref="CH67:CI67"/>
    <mergeCell ref="CJ67:CK67"/>
    <mergeCell ref="CL67:CM67"/>
    <mergeCell ref="CN67:CO67"/>
    <mergeCell ref="BR67:BS67"/>
    <mergeCell ref="BT67:BU67"/>
    <mergeCell ref="BV67:BW67"/>
    <mergeCell ref="BX67:BY67"/>
    <mergeCell ref="BZ67:CA67"/>
    <mergeCell ref="CB67:CC67"/>
    <mergeCell ref="BF67:BG67"/>
    <mergeCell ref="BH67:BI67"/>
    <mergeCell ref="BJ67:BK67"/>
    <mergeCell ref="BL67:BM67"/>
    <mergeCell ref="BN67:BO67"/>
    <mergeCell ref="BP67:BQ67"/>
    <mergeCell ref="AT67:AU67"/>
    <mergeCell ref="AV67:AW67"/>
    <mergeCell ref="AX67:AY67"/>
    <mergeCell ref="Z68:AA68"/>
    <mergeCell ref="AB68:AC68"/>
    <mergeCell ref="AD68:AE68"/>
    <mergeCell ref="AF68:AG68"/>
    <mergeCell ref="AH68:AI68"/>
    <mergeCell ref="AJ68:AK68"/>
    <mergeCell ref="N68:O68"/>
    <mergeCell ref="P68:Q68"/>
    <mergeCell ref="R68:S68"/>
    <mergeCell ref="T68:U68"/>
    <mergeCell ref="V68:W68"/>
    <mergeCell ref="X68:Y68"/>
    <mergeCell ref="DB67:DC67"/>
    <mergeCell ref="DD67:DE67"/>
    <mergeCell ref="DF67:DG67"/>
    <mergeCell ref="DH67:DI67"/>
    <mergeCell ref="DJ67:DK67"/>
    <mergeCell ref="AZ67:BA67"/>
    <mergeCell ref="BB67:BC67"/>
    <mergeCell ref="BD67:BE67"/>
    <mergeCell ref="AH67:AI67"/>
    <mergeCell ref="AJ67:AK67"/>
    <mergeCell ref="AL67:AM67"/>
    <mergeCell ref="AN67:AO67"/>
    <mergeCell ref="AP67:AQ67"/>
    <mergeCell ref="AR67:AS67"/>
    <mergeCell ref="V67:W67"/>
    <mergeCell ref="X67:Y67"/>
    <mergeCell ref="Z67:AA67"/>
    <mergeCell ref="AB67:AC67"/>
    <mergeCell ref="AD67:AE67"/>
    <mergeCell ref="AF67:AG67"/>
    <mergeCell ref="CD68:CE68"/>
    <mergeCell ref="CF68:CG68"/>
    <mergeCell ref="BJ68:BK68"/>
    <mergeCell ref="BL68:BM68"/>
    <mergeCell ref="BN68:BO68"/>
    <mergeCell ref="BP68:BQ68"/>
    <mergeCell ref="BR68:BS68"/>
    <mergeCell ref="BT68:BU68"/>
    <mergeCell ref="AX68:AY68"/>
    <mergeCell ref="AZ68:BA68"/>
    <mergeCell ref="BB68:BC68"/>
    <mergeCell ref="BD68:BE68"/>
    <mergeCell ref="BF68:BG68"/>
    <mergeCell ref="BH68:BI68"/>
    <mergeCell ref="AL68:AM68"/>
    <mergeCell ref="AN68:AO68"/>
    <mergeCell ref="AP68:AQ68"/>
    <mergeCell ref="AR68:AS68"/>
    <mergeCell ref="AT68:AU68"/>
    <mergeCell ref="AV68:AW68"/>
    <mergeCell ref="R69:S69"/>
    <mergeCell ref="T69:U69"/>
    <mergeCell ref="V69:W69"/>
    <mergeCell ref="X69:Y69"/>
    <mergeCell ref="Z69:AA69"/>
    <mergeCell ref="AB69:AC69"/>
    <mergeCell ref="DF68:DG68"/>
    <mergeCell ref="DH68:DI68"/>
    <mergeCell ref="DJ68:DK68"/>
    <mergeCell ref="D69:E69"/>
    <mergeCell ref="F69:G69"/>
    <mergeCell ref="H69:I69"/>
    <mergeCell ref="J69:K69"/>
    <mergeCell ref="L69:M69"/>
    <mergeCell ref="N69:O69"/>
    <mergeCell ref="P69:Q69"/>
    <mergeCell ref="CT68:CU68"/>
    <mergeCell ref="CV68:CW68"/>
    <mergeCell ref="CX68:CY68"/>
    <mergeCell ref="CZ68:DA68"/>
    <mergeCell ref="DB68:DC68"/>
    <mergeCell ref="DD68:DE68"/>
    <mergeCell ref="CH68:CI68"/>
    <mergeCell ref="CJ68:CK68"/>
    <mergeCell ref="CL68:CM68"/>
    <mergeCell ref="CN68:CO68"/>
    <mergeCell ref="CP68:CQ68"/>
    <mergeCell ref="CR68:CS68"/>
    <mergeCell ref="BV68:BW68"/>
    <mergeCell ref="BX68:BY68"/>
    <mergeCell ref="BZ68:CA68"/>
    <mergeCell ref="CB68:CC68"/>
    <mergeCell ref="BV69:BW69"/>
    <mergeCell ref="BX69:BY69"/>
    <mergeCell ref="BB69:BC69"/>
    <mergeCell ref="BD69:BE69"/>
    <mergeCell ref="BF69:BG69"/>
    <mergeCell ref="BH69:BI69"/>
    <mergeCell ref="BJ69:BK69"/>
    <mergeCell ref="BL69:BM69"/>
    <mergeCell ref="AP69:AQ69"/>
    <mergeCell ref="AR69:AS69"/>
    <mergeCell ref="AT69:AU69"/>
    <mergeCell ref="AV69:AW69"/>
    <mergeCell ref="AX69:AY69"/>
    <mergeCell ref="AZ69:BA69"/>
    <mergeCell ref="AD69:AE69"/>
    <mergeCell ref="AF69:AG69"/>
    <mergeCell ref="AH69:AI69"/>
    <mergeCell ref="AJ69:AK69"/>
    <mergeCell ref="AL69:AM69"/>
    <mergeCell ref="AN69:AO69"/>
    <mergeCell ref="DJ69:DK69"/>
    <mergeCell ref="D70:E70"/>
    <mergeCell ref="F70:G70"/>
    <mergeCell ref="H70:I70"/>
    <mergeCell ref="J70:K70"/>
    <mergeCell ref="L70:M70"/>
    <mergeCell ref="N70:O70"/>
    <mergeCell ref="P70:Q70"/>
    <mergeCell ref="R70:S70"/>
    <mergeCell ref="T70:U70"/>
    <mergeCell ref="CX69:CY69"/>
    <mergeCell ref="CZ69:DA69"/>
    <mergeCell ref="DB69:DC69"/>
    <mergeCell ref="DD69:DE69"/>
    <mergeCell ref="DF69:DG69"/>
    <mergeCell ref="DH69:DI69"/>
    <mergeCell ref="CL69:CM69"/>
    <mergeCell ref="CN69:CO69"/>
    <mergeCell ref="CP69:CQ69"/>
    <mergeCell ref="CR69:CS69"/>
    <mergeCell ref="CT69:CU69"/>
    <mergeCell ref="CV69:CW69"/>
    <mergeCell ref="BZ69:CA69"/>
    <mergeCell ref="CB69:CC69"/>
    <mergeCell ref="CD69:CE69"/>
    <mergeCell ref="CF69:CG69"/>
    <mergeCell ref="CH69:CI69"/>
    <mergeCell ref="CJ69:CK69"/>
    <mergeCell ref="BN69:BO69"/>
    <mergeCell ref="BP69:BQ69"/>
    <mergeCell ref="BR69:BS69"/>
    <mergeCell ref="BT69:BU69"/>
    <mergeCell ref="BN70:BO70"/>
    <mergeCell ref="BP70:BQ70"/>
    <mergeCell ref="AT70:AU70"/>
    <mergeCell ref="AV70:AW70"/>
    <mergeCell ref="AX70:AY70"/>
    <mergeCell ref="AZ70:BA70"/>
    <mergeCell ref="BB70:BC70"/>
    <mergeCell ref="BD70:BE70"/>
    <mergeCell ref="AH70:AI70"/>
    <mergeCell ref="AJ70:AK70"/>
    <mergeCell ref="AL70:AM70"/>
    <mergeCell ref="AN70:AO70"/>
    <mergeCell ref="AP70:AQ70"/>
    <mergeCell ref="AR70:AS70"/>
    <mergeCell ref="V70:W70"/>
    <mergeCell ref="X70:Y70"/>
    <mergeCell ref="Z70:AA70"/>
    <mergeCell ref="AB70:AC70"/>
    <mergeCell ref="AD70:AE70"/>
    <mergeCell ref="AF70:AG70"/>
    <mergeCell ref="DB70:DC70"/>
    <mergeCell ref="DD70:DE70"/>
    <mergeCell ref="DF70:DG70"/>
    <mergeCell ref="DH70:DI70"/>
    <mergeCell ref="DJ70:DK70"/>
    <mergeCell ref="D71:E71"/>
    <mergeCell ref="F71:G71"/>
    <mergeCell ref="H71:I71"/>
    <mergeCell ref="J71:K71"/>
    <mergeCell ref="L71:M71"/>
    <mergeCell ref="CP70:CQ70"/>
    <mergeCell ref="CR70:CS70"/>
    <mergeCell ref="CT70:CU70"/>
    <mergeCell ref="CV70:CW70"/>
    <mergeCell ref="CX70:CY70"/>
    <mergeCell ref="CZ70:DA70"/>
    <mergeCell ref="CD70:CE70"/>
    <mergeCell ref="CF70:CG70"/>
    <mergeCell ref="CH70:CI70"/>
    <mergeCell ref="CJ70:CK70"/>
    <mergeCell ref="CL70:CM70"/>
    <mergeCell ref="CN70:CO70"/>
    <mergeCell ref="BR70:BS70"/>
    <mergeCell ref="BT70:BU70"/>
    <mergeCell ref="BV70:BW70"/>
    <mergeCell ref="BX70:BY70"/>
    <mergeCell ref="BZ70:CA70"/>
    <mergeCell ref="CB70:CC70"/>
    <mergeCell ref="BF70:BG70"/>
    <mergeCell ref="BH70:BI70"/>
    <mergeCell ref="BJ70:BK70"/>
    <mergeCell ref="BL70:BM70"/>
    <mergeCell ref="AL71:AM71"/>
    <mergeCell ref="AN71:AO71"/>
    <mergeCell ref="AP71:AQ71"/>
    <mergeCell ref="AR71:AS71"/>
    <mergeCell ref="AT71:AU71"/>
    <mergeCell ref="AV71:AW71"/>
    <mergeCell ref="Z71:AA71"/>
    <mergeCell ref="AB71:AC71"/>
    <mergeCell ref="AD71:AE71"/>
    <mergeCell ref="AF71:AG71"/>
    <mergeCell ref="AH71:AI71"/>
    <mergeCell ref="AJ71:AK71"/>
    <mergeCell ref="N71:O71"/>
    <mergeCell ref="P71:Q71"/>
    <mergeCell ref="R71:S71"/>
    <mergeCell ref="T71:U71"/>
    <mergeCell ref="V71:W71"/>
    <mergeCell ref="X71:Y71"/>
    <mergeCell ref="CP71:CQ71"/>
    <mergeCell ref="CR71:CS71"/>
    <mergeCell ref="BV71:BW71"/>
    <mergeCell ref="BX71:BY71"/>
    <mergeCell ref="BZ71:CA71"/>
    <mergeCell ref="CB71:CC71"/>
    <mergeCell ref="CD71:CE71"/>
    <mergeCell ref="CF71:CG71"/>
    <mergeCell ref="BJ71:BK71"/>
    <mergeCell ref="BL71:BM71"/>
    <mergeCell ref="BN71:BO71"/>
    <mergeCell ref="BP71:BQ71"/>
    <mergeCell ref="BR71:BS71"/>
    <mergeCell ref="BT71:BU71"/>
    <mergeCell ref="AX71:AY71"/>
    <mergeCell ref="AZ71:BA71"/>
    <mergeCell ref="BB71:BC71"/>
    <mergeCell ref="BD71:BE71"/>
    <mergeCell ref="BF71:BG71"/>
    <mergeCell ref="BH71:BI71"/>
    <mergeCell ref="AD72:AE72"/>
    <mergeCell ref="AF72:AG72"/>
    <mergeCell ref="AH72:AI72"/>
    <mergeCell ref="AJ72:AK72"/>
    <mergeCell ref="AL72:AM72"/>
    <mergeCell ref="AN72:AO72"/>
    <mergeCell ref="R72:S72"/>
    <mergeCell ref="T72:U72"/>
    <mergeCell ref="V72:W72"/>
    <mergeCell ref="X72:Y72"/>
    <mergeCell ref="Z72:AA72"/>
    <mergeCell ref="AB72:AC72"/>
    <mergeCell ref="DF71:DG71"/>
    <mergeCell ref="DH71:DI71"/>
    <mergeCell ref="DJ71:DK71"/>
    <mergeCell ref="B72:E72"/>
    <mergeCell ref="F72:G72"/>
    <mergeCell ref="H72:I72"/>
    <mergeCell ref="J72:K72"/>
    <mergeCell ref="L72:M72"/>
    <mergeCell ref="N72:O72"/>
    <mergeCell ref="P72:Q72"/>
    <mergeCell ref="CT71:CU71"/>
    <mergeCell ref="CV71:CW71"/>
    <mergeCell ref="CX71:CY71"/>
    <mergeCell ref="CZ71:DA71"/>
    <mergeCell ref="DB71:DC71"/>
    <mergeCell ref="DD71:DE71"/>
    <mergeCell ref="CH71:CI71"/>
    <mergeCell ref="CJ71:CK71"/>
    <mergeCell ref="CL71:CM71"/>
    <mergeCell ref="CN71:CO71"/>
    <mergeCell ref="CH72:CI72"/>
    <mergeCell ref="CJ72:CK72"/>
    <mergeCell ref="BN72:BO72"/>
    <mergeCell ref="BP72:BQ72"/>
    <mergeCell ref="BR72:BS72"/>
    <mergeCell ref="BT72:BU72"/>
    <mergeCell ref="BV72:BW72"/>
    <mergeCell ref="BX72:BY72"/>
    <mergeCell ref="BB72:BC72"/>
    <mergeCell ref="BD72:BE72"/>
    <mergeCell ref="BF72:BG72"/>
    <mergeCell ref="BH72:BI72"/>
    <mergeCell ref="BJ72:BK72"/>
    <mergeCell ref="BL72:BM72"/>
    <mergeCell ref="AP72:AQ72"/>
    <mergeCell ref="AR72:AS72"/>
    <mergeCell ref="AT72:AU72"/>
    <mergeCell ref="AV72:AW72"/>
    <mergeCell ref="AX72:AY72"/>
    <mergeCell ref="AZ72:BA72"/>
    <mergeCell ref="V73:W73"/>
    <mergeCell ref="X73:Y73"/>
    <mergeCell ref="Z73:AA73"/>
    <mergeCell ref="AB73:AC73"/>
    <mergeCell ref="AD73:AE73"/>
    <mergeCell ref="AF73:AG73"/>
    <mergeCell ref="DJ72:DK72"/>
    <mergeCell ref="B73:E73"/>
    <mergeCell ref="F73:G73"/>
    <mergeCell ref="H73:I73"/>
    <mergeCell ref="J73:K73"/>
    <mergeCell ref="L73:M73"/>
    <mergeCell ref="N73:O73"/>
    <mergeCell ref="P73:Q73"/>
    <mergeCell ref="R73:S73"/>
    <mergeCell ref="T73:U73"/>
    <mergeCell ref="CX72:CY72"/>
    <mergeCell ref="CZ72:DA72"/>
    <mergeCell ref="DB72:DC72"/>
    <mergeCell ref="DD72:DE72"/>
    <mergeCell ref="DF72:DG72"/>
    <mergeCell ref="DH72:DI72"/>
    <mergeCell ref="CL72:CM72"/>
    <mergeCell ref="CN72:CO72"/>
    <mergeCell ref="CP72:CQ72"/>
    <mergeCell ref="CR72:CS72"/>
    <mergeCell ref="CT72:CU72"/>
    <mergeCell ref="CV72:CW72"/>
    <mergeCell ref="BZ72:CA72"/>
    <mergeCell ref="CB72:CC72"/>
    <mergeCell ref="CD72:CE72"/>
    <mergeCell ref="CF72:CG72"/>
    <mergeCell ref="BZ73:CA73"/>
    <mergeCell ref="CB73:CC73"/>
    <mergeCell ref="BF73:BG73"/>
    <mergeCell ref="BH73:BI73"/>
    <mergeCell ref="BJ73:BK73"/>
    <mergeCell ref="BL73:BM73"/>
    <mergeCell ref="BN73:BO73"/>
    <mergeCell ref="BP73:BQ73"/>
    <mergeCell ref="AT73:AU73"/>
    <mergeCell ref="AV73:AW73"/>
    <mergeCell ref="AX73:AY73"/>
    <mergeCell ref="AZ73:BA73"/>
    <mergeCell ref="BB73:BC73"/>
    <mergeCell ref="BD73:BE73"/>
    <mergeCell ref="AH73:AI73"/>
    <mergeCell ref="AJ73:AK73"/>
    <mergeCell ref="AL73:AM73"/>
    <mergeCell ref="AN73:AO73"/>
    <mergeCell ref="AP73:AQ73"/>
    <mergeCell ref="AR73:AS73"/>
    <mergeCell ref="J74:K74"/>
    <mergeCell ref="L74:M74"/>
    <mergeCell ref="N74:O74"/>
    <mergeCell ref="P74:Q74"/>
    <mergeCell ref="R74:S74"/>
    <mergeCell ref="T74:U74"/>
    <mergeCell ref="DB73:DC73"/>
    <mergeCell ref="DD73:DE73"/>
    <mergeCell ref="DF73:DG73"/>
    <mergeCell ref="DH73:DI73"/>
    <mergeCell ref="DJ73:DK73"/>
    <mergeCell ref="B74:B78"/>
    <mergeCell ref="C74:C75"/>
    <mergeCell ref="D74:E74"/>
    <mergeCell ref="F74:G74"/>
    <mergeCell ref="H74:I74"/>
    <mergeCell ref="CP73:CQ73"/>
    <mergeCell ref="CR73:CS73"/>
    <mergeCell ref="CT73:CU73"/>
    <mergeCell ref="CV73:CW73"/>
    <mergeCell ref="CX73:CY73"/>
    <mergeCell ref="CZ73:DA73"/>
    <mergeCell ref="CD73:CE73"/>
    <mergeCell ref="CF73:CG73"/>
    <mergeCell ref="CH73:CI73"/>
    <mergeCell ref="CJ73:CK73"/>
    <mergeCell ref="CL73:CM73"/>
    <mergeCell ref="CN73:CO73"/>
    <mergeCell ref="BR73:BS73"/>
    <mergeCell ref="BT73:BU73"/>
    <mergeCell ref="BV73:BW73"/>
    <mergeCell ref="BX73:BY73"/>
    <mergeCell ref="D75:E75"/>
    <mergeCell ref="F75:G75"/>
    <mergeCell ref="H75:I75"/>
    <mergeCell ref="J75:K75"/>
    <mergeCell ref="L75:M75"/>
    <mergeCell ref="CP74:CQ74"/>
    <mergeCell ref="CR74:CS74"/>
    <mergeCell ref="CT74:CU74"/>
    <mergeCell ref="CV74:CW74"/>
    <mergeCell ref="CX74:CY74"/>
    <mergeCell ref="CZ74:DA74"/>
    <mergeCell ref="CD74:CE74"/>
    <mergeCell ref="CF74:CG74"/>
    <mergeCell ref="CH74:CI74"/>
    <mergeCell ref="CJ74:CK74"/>
    <mergeCell ref="CL74:CM74"/>
    <mergeCell ref="CN74:CO74"/>
    <mergeCell ref="BR74:BS74"/>
    <mergeCell ref="BT74:BU74"/>
    <mergeCell ref="BV74:BW74"/>
    <mergeCell ref="BX74:BY74"/>
    <mergeCell ref="BZ74:CA74"/>
    <mergeCell ref="CB74:CC74"/>
    <mergeCell ref="BF74:BG74"/>
    <mergeCell ref="BH74:BI74"/>
    <mergeCell ref="BJ74:BK74"/>
    <mergeCell ref="BL74:BM74"/>
    <mergeCell ref="BN74:BO74"/>
    <mergeCell ref="BP74:BQ74"/>
    <mergeCell ref="AT74:AU74"/>
    <mergeCell ref="AV74:AW74"/>
    <mergeCell ref="AX74:AY74"/>
    <mergeCell ref="Z75:AA75"/>
    <mergeCell ref="AB75:AC75"/>
    <mergeCell ref="AD75:AE75"/>
    <mergeCell ref="AF75:AG75"/>
    <mergeCell ref="AH75:AI75"/>
    <mergeCell ref="AJ75:AK75"/>
    <mergeCell ref="N75:O75"/>
    <mergeCell ref="P75:Q75"/>
    <mergeCell ref="R75:S75"/>
    <mergeCell ref="T75:U75"/>
    <mergeCell ref="V75:W75"/>
    <mergeCell ref="X75:Y75"/>
    <mergeCell ref="DB74:DC74"/>
    <mergeCell ref="DD74:DE74"/>
    <mergeCell ref="DF74:DG74"/>
    <mergeCell ref="DH74:DI74"/>
    <mergeCell ref="DJ74:DK74"/>
    <mergeCell ref="AZ74:BA74"/>
    <mergeCell ref="BB74:BC74"/>
    <mergeCell ref="BD74:BE74"/>
    <mergeCell ref="AH74:AI74"/>
    <mergeCell ref="AJ74:AK74"/>
    <mergeCell ref="AL74:AM74"/>
    <mergeCell ref="AN74:AO74"/>
    <mergeCell ref="AP74:AQ74"/>
    <mergeCell ref="AR74:AS74"/>
    <mergeCell ref="V74:W74"/>
    <mergeCell ref="X74:Y74"/>
    <mergeCell ref="Z74:AA74"/>
    <mergeCell ref="AB74:AC74"/>
    <mergeCell ref="AD74:AE74"/>
    <mergeCell ref="AF74:AG74"/>
    <mergeCell ref="CD75:CE75"/>
    <mergeCell ref="CF75:CG75"/>
    <mergeCell ref="BJ75:BK75"/>
    <mergeCell ref="BL75:BM75"/>
    <mergeCell ref="BN75:BO75"/>
    <mergeCell ref="BP75:BQ75"/>
    <mergeCell ref="BR75:BS75"/>
    <mergeCell ref="BT75:BU75"/>
    <mergeCell ref="AX75:AY75"/>
    <mergeCell ref="AZ75:BA75"/>
    <mergeCell ref="BB75:BC75"/>
    <mergeCell ref="BD75:BE75"/>
    <mergeCell ref="BF75:BG75"/>
    <mergeCell ref="BH75:BI75"/>
    <mergeCell ref="AL75:AM75"/>
    <mergeCell ref="AN75:AO75"/>
    <mergeCell ref="AP75:AQ75"/>
    <mergeCell ref="AR75:AS75"/>
    <mergeCell ref="AT75:AU75"/>
    <mergeCell ref="AV75:AW75"/>
    <mergeCell ref="R76:S76"/>
    <mergeCell ref="T76:U76"/>
    <mergeCell ref="V76:W76"/>
    <mergeCell ref="X76:Y76"/>
    <mergeCell ref="Z76:AA76"/>
    <mergeCell ref="AB76:AC76"/>
    <mergeCell ref="DF75:DG75"/>
    <mergeCell ref="DH75:DI75"/>
    <mergeCell ref="DJ75:DK75"/>
    <mergeCell ref="C76:E76"/>
    <mergeCell ref="F76:G76"/>
    <mergeCell ref="H76:I76"/>
    <mergeCell ref="J76:K76"/>
    <mergeCell ref="L76:M76"/>
    <mergeCell ref="N76:O76"/>
    <mergeCell ref="P76:Q76"/>
    <mergeCell ref="CT75:CU75"/>
    <mergeCell ref="CV75:CW75"/>
    <mergeCell ref="CX75:CY75"/>
    <mergeCell ref="CZ75:DA75"/>
    <mergeCell ref="DB75:DC75"/>
    <mergeCell ref="DD75:DE75"/>
    <mergeCell ref="CH75:CI75"/>
    <mergeCell ref="CJ75:CK75"/>
    <mergeCell ref="CL75:CM75"/>
    <mergeCell ref="CN75:CO75"/>
    <mergeCell ref="CP75:CQ75"/>
    <mergeCell ref="CR75:CS75"/>
    <mergeCell ref="BV75:BW75"/>
    <mergeCell ref="BX75:BY75"/>
    <mergeCell ref="BZ75:CA75"/>
    <mergeCell ref="CB75:CC75"/>
    <mergeCell ref="BV76:BW76"/>
    <mergeCell ref="BX76:BY76"/>
    <mergeCell ref="BB76:BC76"/>
    <mergeCell ref="BD76:BE76"/>
    <mergeCell ref="BF76:BG76"/>
    <mergeCell ref="BH76:BI76"/>
    <mergeCell ref="BJ76:BK76"/>
    <mergeCell ref="BL76:BM76"/>
    <mergeCell ref="AP76:AQ76"/>
    <mergeCell ref="AR76:AS76"/>
    <mergeCell ref="AT76:AU76"/>
    <mergeCell ref="AV76:AW76"/>
    <mergeCell ref="AX76:AY76"/>
    <mergeCell ref="AZ76:BA76"/>
    <mergeCell ref="AD76:AE76"/>
    <mergeCell ref="AF76:AG76"/>
    <mergeCell ref="AH76:AI76"/>
    <mergeCell ref="AJ76:AK76"/>
    <mergeCell ref="AL76:AM76"/>
    <mergeCell ref="AN76:AO76"/>
    <mergeCell ref="DJ76:DK76"/>
    <mergeCell ref="C77:E78"/>
    <mergeCell ref="F77:G77"/>
    <mergeCell ref="H77:I77"/>
    <mergeCell ref="J77:K77"/>
    <mergeCell ref="L77:M77"/>
    <mergeCell ref="N77:O77"/>
    <mergeCell ref="P77:Q77"/>
    <mergeCell ref="R77:S77"/>
    <mergeCell ref="T77:U77"/>
    <mergeCell ref="CX76:CY76"/>
    <mergeCell ref="CZ76:DA76"/>
    <mergeCell ref="DB76:DC76"/>
    <mergeCell ref="DD76:DE76"/>
    <mergeCell ref="DF76:DG76"/>
    <mergeCell ref="DH76:DI76"/>
    <mergeCell ref="CL76:CM76"/>
    <mergeCell ref="CN76:CO76"/>
    <mergeCell ref="CP76:CQ76"/>
    <mergeCell ref="CR76:CS76"/>
    <mergeCell ref="CT76:CU76"/>
    <mergeCell ref="CV76:CW76"/>
    <mergeCell ref="BZ76:CA76"/>
    <mergeCell ref="CB76:CC76"/>
    <mergeCell ref="CD76:CE76"/>
    <mergeCell ref="CF76:CG76"/>
    <mergeCell ref="CH76:CI76"/>
    <mergeCell ref="CJ76:CK76"/>
    <mergeCell ref="BN76:BO76"/>
    <mergeCell ref="BP76:BQ76"/>
    <mergeCell ref="BR76:BS76"/>
    <mergeCell ref="BT76:BU76"/>
    <mergeCell ref="BN77:BO77"/>
    <mergeCell ref="BP77:BQ77"/>
    <mergeCell ref="AT77:AU77"/>
    <mergeCell ref="AV77:AW77"/>
    <mergeCell ref="AX77:AY77"/>
    <mergeCell ref="AZ77:BA77"/>
    <mergeCell ref="BB77:BC77"/>
    <mergeCell ref="BD77:BE77"/>
    <mergeCell ref="AH77:AI77"/>
    <mergeCell ref="AJ77:AK77"/>
    <mergeCell ref="AL77:AM77"/>
    <mergeCell ref="AN77:AO77"/>
    <mergeCell ref="AP77:AQ77"/>
    <mergeCell ref="AR77:AS77"/>
    <mergeCell ref="V77:W77"/>
    <mergeCell ref="X77:Y77"/>
    <mergeCell ref="Z77:AA77"/>
    <mergeCell ref="AB77:AC77"/>
    <mergeCell ref="AD77:AE77"/>
    <mergeCell ref="AF77:AG77"/>
    <mergeCell ref="DB77:DC77"/>
    <mergeCell ref="DD77:DE77"/>
    <mergeCell ref="DF77:DG77"/>
    <mergeCell ref="DH77:DI77"/>
    <mergeCell ref="DJ77:DK77"/>
    <mergeCell ref="F78:G78"/>
    <mergeCell ref="H78:I78"/>
    <mergeCell ref="J78:K78"/>
    <mergeCell ref="L78:M78"/>
    <mergeCell ref="N78:O78"/>
    <mergeCell ref="CP77:CQ77"/>
    <mergeCell ref="CR77:CS77"/>
    <mergeCell ref="CT77:CU77"/>
    <mergeCell ref="CV77:CW77"/>
    <mergeCell ref="CX77:CY77"/>
    <mergeCell ref="CZ77:DA77"/>
    <mergeCell ref="CD77:CE77"/>
    <mergeCell ref="CF77:CG77"/>
    <mergeCell ref="CH77:CI77"/>
    <mergeCell ref="CJ77:CK77"/>
    <mergeCell ref="CL77:CM77"/>
    <mergeCell ref="CN77:CO77"/>
    <mergeCell ref="BR77:BS77"/>
    <mergeCell ref="BT77:BU77"/>
    <mergeCell ref="BV77:BW77"/>
    <mergeCell ref="BX77:BY77"/>
    <mergeCell ref="BZ77:CA77"/>
    <mergeCell ref="CB77:CC77"/>
    <mergeCell ref="BF77:BG77"/>
    <mergeCell ref="BH77:BI77"/>
    <mergeCell ref="BJ77:BK77"/>
    <mergeCell ref="BL77:BM77"/>
    <mergeCell ref="AN78:AO78"/>
    <mergeCell ref="AP78:AQ78"/>
    <mergeCell ref="AR78:AS78"/>
    <mergeCell ref="AT78:AU78"/>
    <mergeCell ref="AV78:AW78"/>
    <mergeCell ref="AX78:AY78"/>
    <mergeCell ref="AB78:AC78"/>
    <mergeCell ref="AD78:AE78"/>
    <mergeCell ref="AF78:AG78"/>
    <mergeCell ref="AH78:AI78"/>
    <mergeCell ref="AJ78:AK78"/>
    <mergeCell ref="AL78:AM78"/>
    <mergeCell ref="P78:Q78"/>
    <mergeCell ref="R78:S78"/>
    <mergeCell ref="T78:U78"/>
    <mergeCell ref="V78:W78"/>
    <mergeCell ref="X78:Y78"/>
    <mergeCell ref="Z78:AA78"/>
    <mergeCell ref="CR78:CS78"/>
    <mergeCell ref="CT78:CU78"/>
    <mergeCell ref="BX78:BY78"/>
    <mergeCell ref="BZ78:CA78"/>
    <mergeCell ref="CB78:CC78"/>
    <mergeCell ref="CD78:CE78"/>
    <mergeCell ref="CF78:CG78"/>
    <mergeCell ref="CH78:CI78"/>
    <mergeCell ref="BL78:BM78"/>
    <mergeCell ref="BN78:BO78"/>
    <mergeCell ref="BP78:BQ78"/>
    <mergeCell ref="BR78:BS78"/>
    <mergeCell ref="BT78:BU78"/>
    <mergeCell ref="BV78:BW78"/>
    <mergeCell ref="AZ78:BA78"/>
    <mergeCell ref="BB78:BC78"/>
    <mergeCell ref="BD78:BE78"/>
    <mergeCell ref="BF78:BG78"/>
    <mergeCell ref="BH78:BI78"/>
    <mergeCell ref="BJ78:BK78"/>
    <mergeCell ref="AF79:AG80"/>
    <mergeCell ref="AH79:AI80"/>
    <mergeCell ref="AJ79:AK80"/>
    <mergeCell ref="AL79:AM80"/>
    <mergeCell ref="AN79:AO80"/>
    <mergeCell ref="AP79:AQ80"/>
    <mergeCell ref="T79:U80"/>
    <mergeCell ref="V79:W80"/>
    <mergeCell ref="X79:Y80"/>
    <mergeCell ref="Z79:AA80"/>
    <mergeCell ref="AB79:AC80"/>
    <mergeCell ref="AD79:AE80"/>
    <mergeCell ref="DH78:DI78"/>
    <mergeCell ref="DJ78:DK78"/>
    <mergeCell ref="B79:E80"/>
    <mergeCell ref="F79:G80"/>
    <mergeCell ref="H79:I80"/>
    <mergeCell ref="J79:K80"/>
    <mergeCell ref="L79:M80"/>
    <mergeCell ref="N79:O80"/>
    <mergeCell ref="P79:Q80"/>
    <mergeCell ref="R79:S80"/>
    <mergeCell ref="CV78:CW78"/>
    <mergeCell ref="CX78:CY78"/>
    <mergeCell ref="CZ78:DA78"/>
    <mergeCell ref="DB78:DC78"/>
    <mergeCell ref="DD78:DE78"/>
    <mergeCell ref="DF78:DG78"/>
    <mergeCell ref="CJ78:CK78"/>
    <mergeCell ref="CL78:CM78"/>
    <mergeCell ref="CN78:CO78"/>
    <mergeCell ref="CP78:CQ78"/>
    <mergeCell ref="BP79:BQ80"/>
    <mergeCell ref="BR79:BS80"/>
    <mergeCell ref="BT79:BU80"/>
    <mergeCell ref="BV79:BW80"/>
    <mergeCell ref="BX79:BY80"/>
    <mergeCell ref="BZ79:CA80"/>
    <mergeCell ref="BD79:BE80"/>
    <mergeCell ref="BF79:BG80"/>
    <mergeCell ref="BH79:BI80"/>
    <mergeCell ref="BJ79:BK80"/>
    <mergeCell ref="BL79:BM80"/>
    <mergeCell ref="BN79:BO80"/>
    <mergeCell ref="AR79:AS80"/>
    <mergeCell ref="AT79:AU80"/>
    <mergeCell ref="AV79:AW80"/>
    <mergeCell ref="AX79:AY80"/>
    <mergeCell ref="AZ79:BA80"/>
    <mergeCell ref="BB79:BC80"/>
    <mergeCell ref="CZ79:DA80"/>
    <mergeCell ref="DB79:DC80"/>
    <mergeCell ref="DD79:DE80"/>
    <mergeCell ref="DF79:DG80"/>
    <mergeCell ref="DH79:DI80"/>
    <mergeCell ref="DJ79:DK80"/>
    <mergeCell ref="CN79:CO80"/>
    <mergeCell ref="CP79:CQ80"/>
    <mergeCell ref="CR79:CS80"/>
    <mergeCell ref="CT79:CU80"/>
    <mergeCell ref="CV79:CW80"/>
    <mergeCell ref="CX79:CY80"/>
    <mergeCell ref="CB79:CC80"/>
    <mergeCell ref="CD79:CE80"/>
    <mergeCell ref="CF79:CG80"/>
    <mergeCell ref="CH79:CI80"/>
    <mergeCell ref="CJ79:CK80"/>
    <mergeCell ref="CL79:CM80"/>
  </mergeCells>
  <phoneticPr fontId="3"/>
  <pageMargins left="0.78740157480314965" right="0.78740157480314965" top="1.2598425196850394" bottom="0.78740157480314965" header="0.51181102362204722" footer="0.51181102362204722"/>
  <pageSetup paperSize="9" scale="92" firstPageNumber="138" orientation="portrait" useFirstPageNumber="1" r:id="rId1"/>
  <headerFooter>
    <oddHeader>&amp;L&amp;"ＭＳ ゴシック,標準"Ⅳ　令和６年度地方公営企業事業別決算状況
　１　水道事業（法適用事業）&amp;R&amp;"ＭＳ ゴシック,標準"
&amp;A</oddHeader>
    <oddFooter xml:space="preserve">&amp;C&amp;"ＭＳ ゴシック,標準"&amp;9 &amp;P </oddFooter>
  </headerFooter>
  <colBreaks count="15" manualBreakCount="15">
    <brk id="13" max="1048575" man="1"/>
    <brk id="21" max="1048575" man="1"/>
    <brk id="29" max="1048575" man="1"/>
    <brk id="37" max="1048575" man="1"/>
    <brk id="45" max="1048575" man="1"/>
    <brk id="53" max="1048575" man="1"/>
    <brk id="61" max="1048575" man="1"/>
    <brk id="69" max="1048575" man="1"/>
    <brk id="77" max="1048575" man="1"/>
    <brk id="85" max="1048575" man="1"/>
    <brk id="93" max="1048575" man="1"/>
    <brk id="101" max="1048575" man="1"/>
    <brk id="109" max="1048575" man="1"/>
    <brk id="115" max="1048575" man="1"/>
    <brk id="121" max="7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8</vt:i4>
      </vt:variant>
    </vt:vector>
  </HeadingPairs>
  <TitlesOfParts>
    <vt:vector size="13" baseType="lpstr">
      <vt:lpstr>ア施設及び業務の概況</vt:lpstr>
      <vt:lpstr>イ損益計算書</vt:lpstr>
      <vt:lpstr>ウ貸借対照表</vt:lpstr>
      <vt:lpstr>エ資本的収支に関する調</vt:lpstr>
      <vt:lpstr>オ　水道料金</vt:lpstr>
      <vt:lpstr>ア施設及び業務の概況!Print_Area</vt:lpstr>
      <vt:lpstr>イ損益計算書!Print_Area</vt:lpstr>
      <vt:lpstr>エ資本的収支に関する調!Print_Area</vt:lpstr>
      <vt:lpstr>ア施設及び業務の概況!Print_Titles</vt:lpstr>
      <vt:lpstr>イ損益計算書!Print_Titles</vt:lpstr>
      <vt:lpstr>ウ貸借対照表!Print_Titles</vt:lpstr>
      <vt:lpstr>エ資本的収支に関する調!Print_Titles</vt:lpstr>
      <vt:lpstr>'オ　水道料金'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奥貫修平</dc:creator>
  <cp:lastModifiedBy>田代 幹基（市町村課）</cp:lastModifiedBy>
  <cp:lastPrinted>2026-02-04T23:47:22Z</cp:lastPrinted>
  <dcterms:created xsi:type="dcterms:W3CDTF">2016-01-04T01:30:13Z</dcterms:created>
  <dcterms:modified xsi:type="dcterms:W3CDTF">2026-03-31T06:50:05Z</dcterms:modified>
</cp:coreProperties>
</file>